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07\04_人材確保グループ\450_看護職\456_就業実態調査\訪問看護ステーション\R3\06 結果\"/>
    </mc:Choice>
  </mc:AlternateContent>
  <bookViews>
    <workbookView xWindow="0" yWindow="0" windowWidth="20490" windowHeight="7470" firstSheet="1" activeTab="1"/>
  </bookViews>
  <sheets>
    <sheet name="事業所の情報" sheetId="29" state="hidden" r:id="rId1"/>
    <sheet name="１従業者について" sheetId="60" r:id="rId2"/>
    <sheet name="1.離職率 前年との比較" sheetId="38" state="hidden" r:id="rId3"/>
    <sheet name="２看護職員離職率" sheetId="94" r:id="rId4"/>
    <sheet name="３退職理由" sheetId="95" r:id="rId5"/>
    <sheet name="8・９.特定行為研修" sheetId="11" state="hidden" r:id="rId6"/>
    <sheet name="管理者研修無しの施設の背景" sheetId="42" state="hidden" r:id="rId7"/>
    <sheet name="１１.チラシについて" sheetId="31" state="hidden" r:id="rId8"/>
    <sheet name="４経験者採用" sheetId="96" r:id="rId9"/>
    <sheet name="５新卒採用６教育７資格・講習会" sheetId="97" r:id="rId10"/>
    <sheet name="８特定行為研修" sheetId="98" r:id="rId11"/>
    <sheet name="チラシ活用" sheetId="47" state="hidden" r:id="rId12"/>
    <sheet name="チラシ意見" sheetId="48" state="hidden" r:id="rId13"/>
  </sheets>
  <definedNames>
    <definedName name="_xlnm._FilterDatabase" localSheetId="8" hidden="1">'４経験者採用'!$G$24:$G$71</definedName>
    <definedName name="_xlnm.Print_Area" localSheetId="2">'1.離職率 前年との比較'!$A$1:$J$19</definedName>
    <definedName name="_xlnm.Print_Area" localSheetId="7">'１１.チラシについて'!$A$1:$G$159</definedName>
    <definedName name="_xlnm.Print_Area" localSheetId="1">'１従業者について'!$A$1:$L$27</definedName>
    <definedName name="_xlnm.Print_Area" localSheetId="3">'２看護職員離職率'!$A$1:$N$63</definedName>
    <definedName name="_xlnm.Print_Area" localSheetId="4">'３退職理由'!$A$1:$S$55</definedName>
    <definedName name="_xlnm.Print_Area" localSheetId="8">'４経験者採用'!$A$1:$K$29</definedName>
    <definedName name="_xlnm.Print_Area" localSheetId="9">'５新卒採用６教育７資格・講習会'!$A$1:$L$38</definedName>
    <definedName name="_xlnm.Print_Area" localSheetId="5">'8・９.特定行為研修'!$A$1:$G$27</definedName>
    <definedName name="_xlnm.Print_Area" localSheetId="12">チラシ意見!$A$1:$B$16</definedName>
    <definedName name="_xlnm.Print_Area" localSheetId="0">事業所の情報!$A$1:$I$36</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17" i="11" l="1"/>
  <c r="D17" i="11"/>
  <c r="B17" i="11"/>
</calcChain>
</file>

<file path=xl/sharedStrings.xml><?xml version="1.0" encoding="utf-8"?>
<sst xmlns="http://schemas.openxmlformats.org/spreadsheetml/2006/main" count="948" uniqueCount="598">
  <si>
    <t>Ⅱ　結果</t>
    <rPh sb="2" eb="4">
      <t>ケッカ</t>
    </rPh>
    <phoneticPr fontId="1"/>
  </si>
  <si>
    <t>事業所数</t>
    <rPh sb="0" eb="3">
      <t>ジギョウショ</t>
    </rPh>
    <rPh sb="3" eb="4">
      <t>スウ</t>
    </rPh>
    <phoneticPr fontId="1"/>
  </si>
  <si>
    <t>構成比</t>
    <rPh sb="0" eb="3">
      <t>コウセイヒ</t>
    </rPh>
    <phoneticPr fontId="1"/>
  </si>
  <si>
    <t>1年未満</t>
    <rPh sb="1" eb="2">
      <t>ネン</t>
    </rPh>
    <rPh sb="2" eb="4">
      <t>ミマン</t>
    </rPh>
    <phoneticPr fontId="1"/>
  </si>
  <si>
    <t>5年～10年未満</t>
    <rPh sb="1" eb="2">
      <t>ネン</t>
    </rPh>
    <rPh sb="5" eb="6">
      <t>ネン</t>
    </rPh>
    <rPh sb="6" eb="8">
      <t>ミマン</t>
    </rPh>
    <phoneticPr fontId="1"/>
  </si>
  <si>
    <t>10年以上</t>
    <rPh sb="2" eb="3">
      <t>ネン</t>
    </rPh>
    <rPh sb="3" eb="5">
      <t>イジョウ</t>
    </rPh>
    <phoneticPr fontId="1"/>
  </si>
  <si>
    <t>実人員数</t>
    <rPh sb="0" eb="1">
      <t>ジツ</t>
    </rPh>
    <rPh sb="1" eb="3">
      <t>ジンイン</t>
    </rPh>
    <rPh sb="3" eb="4">
      <t>スウ</t>
    </rPh>
    <phoneticPr fontId="1"/>
  </si>
  <si>
    <t>常勤換算数</t>
    <rPh sb="0" eb="2">
      <t>ジョウキン</t>
    </rPh>
    <rPh sb="2" eb="4">
      <t>カンサン</t>
    </rPh>
    <rPh sb="4" eb="5">
      <t>スウ</t>
    </rPh>
    <phoneticPr fontId="1"/>
  </si>
  <si>
    <t>5人未満</t>
    <rPh sb="1" eb="2">
      <t>ニン</t>
    </rPh>
    <rPh sb="2" eb="4">
      <t>ミマン</t>
    </rPh>
    <phoneticPr fontId="1"/>
  </si>
  <si>
    <t>5～10人未満</t>
    <rPh sb="4" eb="5">
      <t>ニン</t>
    </rPh>
    <rPh sb="5" eb="7">
      <t>ミマン</t>
    </rPh>
    <phoneticPr fontId="1"/>
  </si>
  <si>
    <t>10～15人未満</t>
    <rPh sb="5" eb="6">
      <t>ニン</t>
    </rPh>
    <rPh sb="6" eb="8">
      <t>ミマン</t>
    </rPh>
    <phoneticPr fontId="1"/>
  </si>
  <si>
    <t>15～20人未満</t>
    <rPh sb="5" eb="6">
      <t>ニン</t>
    </rPh>
    <rPh sb="6" eb="8">
      <t>ミマン</t>
    </rPh>
    <phoneticPr fontId="1"/>
  </si>
  <si>
    <t>20人以上</t>
    <rPh sb="2" eb="3">
      <t>ニン</t>
    </rPh>
    <rPh sb="3" eb="5">
      <t>イジョウ</t>
    </rPh>
    <phoneticPr fontId="1"/>
  </si>
  <si>
    <t>0～2.5人未満</t>
    <rPh sb="5" eb="6">
      <t>ニン</t>
    </rPh>
    <rPh sb="6" eb="8">
      <t>ミマン</t>
    </rPh>
    <phoneticPr fontId="1"/>
  </si>
  <si>
    <t>2.5～3人未満</t>
    <rPh sb="5" eb="6">
      <t>ニン</t>
    </rPh>
    <rPh sb="6" eb="8">
      <t>ミマン</t>
    </rPh>
    <phoneticPr fontId="1"/>
  </si>
  <si>
    <t>3～5人未満</t>
    <rPh sb="3" eb="4">
      <t>ニン</t>
    </rPh>
    <rPh sb="4" eb="6">
      <t>ミマン</t>
    </rPh>
    <phoneticPr fontId="1"/>
  </si>
  <si>
    <t>10人以上</t>
    <rPh sb="2" eb="3">
      <t>ニン</t>
    </rPh>
    <rPh sb="3" eb="5">
      <t>イジョウ</t>
    </rPh>
    <phoneticPr fontId="1"/>
  </si>
  <si>
    <t>合計</t>
    <rPh sb="0" eb="2">
      <t>ゴウケイ</t>
    </rPh>
    <phoneticPr fontId="1"/>
  </si>
  <si>
    <t>准看護師</t>
    <rPh sb="0" eb="1">
      <t>ジュン</t>
    </rPh>
    <rPh sb="1" eb="4">
      <t>カンゴシ</t>
    </rPh>
    <phoneticPr fontId="1"/>
  </si>
  <si>
    <t>看護師</t>
    <rPh sb="0" eb="3">
      <t>カンゴシ</t>
    </rPh>
    <phoneticPr fontId="1"/>
  </si>
  <si>
    <t>助産師</t>
    <rPh sb="0" eb="3">
      <t>ジョサンシ</t>
    </rPh>
    <phoneticPr fontId="1"/>
  </si>
  <si>
    <t>保健師</t>
    <rPh sb="0" eb="2">
      <t>ホケン</t>
    </rPh>
    <rPh sb="2" eb="3">
      <t>シ</t>
    </rPh>
    <phoneticPr fontId="1"/>
  </si>
  <si>
    <t>全体</t>
    <rPh sb="0" eb="2">
      <t>ゼンタイ</t>
    </rPh>
    <phoneticPr fontId="1"/>
  </si>
  <si>
    <t>職種別</t>
    <rPh sb="0" eb="3">
      <t>ショクシュベツ</t>
    </rPh>
    <phoneticPr fontId="1"/>
  </si>
  <si>
    <t>常勤</t>
    <rPh sb="0" eb="2">
      <t>ジョウキン</t>
    </rPh>
    <phoneticPr fontId="1"/>
  </si>
  <si>
    <t>非常勤</t>
    <rPh sb="0" eb="3">
      <t>ヒジョウキン</t>
    </rPh>
    <phoneticPr fontId="1"/>
  </si>
  <si>
    <t>二次医療圏</t>
    <rPh sb="0" eb="2">
      <t>ニジ</t>
    </rPh>
    <rPh sb="2" eb="4">
      <t>イリョウ</t>
    </rPh>
    <rPh sb="4" eb="5">
      <t>ケン</t>
    </rPh>
    <phoneticPr fontId="1"/>
  </si>
  <si>
    <t>横浜</t>
    <rPh sb="0" eb="2">
      <t>ヨコハマ</t>
    </rPh>
    <phoneticPr fontId="1"/>
  </si>
  <si>
    <t>川崎</t>
    <rPh sb="0" eb="2">
      <t>カワサキ</t>
    </rPh>
    <phoneticPr fontId="1"/>
  </si>
  <si>
    <t>相模原</t>
    <rPh sb="0" eb="3">
      <t>サガミハラ</t>
    </rPh>
    <phoneticPr fontId="1"/>
  </si>
  <si>
    <t>横須賀・三浦</t>
    <rPh sb="0" eb="3">
      <t>ヨコスカ</t>
    </rPh>
    <rPh sb="4" eb="6">
      <t>ミウラ</t>
    </rPh>
    <phoneticPr fontId="1"/>
  </si>
  <si>
    <t>湘南東部</t>
    <rPh sb="0" eb="2">
      <t>ショウナン</t>
    </rPh>
    <rPh sb="2" eb="4">
      <t>トウブ</t>
    </rPh>
    <phoneticPr fontId="1"/>
  </si>
  <si>
    <t>湘南西部</t>
    <rPh sb="0" eb="2">
      <t>ショウナン</t>
    </rPh>
    <rPh sb="2" eb="4">
      <t>セイブ</t>
    </rPh>
    <phoneticPr fontId="1"/>
  </si>
  <si>
    <t>県央</t>
    <rPh sb="0" eb="2">
      <t>ケンオウ</t>
    </rPh>
    <phoneticPr fontId="1"/>
  </si>
  <si>
    <t>県西</t>
    <rPh sb="0" eb="1">
      <t>ケン</t>
    </rPh>
    <rPh sb="1" eb="2">
      <t>セイ</t>
    </rPh>
    <phoneticPr fontId="1"/>
  </si>
  <si>
    <t>定年退職</t>
    <rPh sb="0" eb="2">
      <t>テイネン</t>
    </rPh>
    <rPh sb="2" eb="4">
      <t>タイショク</t>
    </rPh>
    <phoneticPr fontId="1"/>
  </si>
  <si>
    <t>不明</t>
    <rPh sb="0" eb="2">
      <t>フメイ</t>
    </rPh>
    <phoneticPr fontId="1"/>
  </si>
  <si>
    <t>その他</t>
    <rPh sb="2" eb="3">
      <t>タ</t>
    </rPh>
    <phoneticPr fontId="1"/>
  </si>
  <si>
    <t>男</t>
    <rPh sb="0" eb="1">
      <t>オトコ</t>
    </rPh>
    <phoneticPr fontId="1"/>
  </si>
  <si>
    <t>女</t>
    <rPh sb="0" eb="1">
      <t>オンナ</t>
    </rPh>
    <phoneticPr fontId="1"/>
  </si>
  <si>
    <t>無回答</t>
    <rPh sb="0" eb="3">
      <t>ムカイトウ</t>
    </rPh>
    <phoneticPr fontId="1"/>
  </si>
  <si>
    <t>回答施設数</t>
    <rPh sb="0" eb="2">
      <t>カイトウ</t>
    </rPh>
    <rPh sb="2" eb="5">
      <t>シセツスウ</t>
    </rPh>
    <phoneticPr fontId="1"/>
  </si>
  <si>
    <t>回答数（人）</t>
    <rPh sb="0" eb="3">
      <t>カイトウスウ</t>
    </rPh>
    <rPh sb="4" eb="5">
      <t>ニン</t>
    </rPh>
    <phoneticPr fontId="1"/>
  </si>
  <si>
    <t>地方公共団体</t>
    <rPh sb="0" eb="2">
      <t>チホウ</t>
    </rPh>
    <rPh sb="2" eb="4">
      <t>コウキョウ</t>
    </rPh>
    <rPh sb="4" eb="6">
      <t>ダンタイ</t>
    </rPh>
    <phoneticPr fontId="1"/>
  </si>
  <si>
    <t>独立行政法人</t>
    <rPh sb="0" eb="2">
      <t>ドクリツ</t>
    </rPh>
    <rPh sb="2" eb="4">
      <t>ギョウセイ</t>
    </rPh>
    <rPh sb="4" eb="6">
      <t>ホウジン</t>
    </rPh>
    <phoneticPr fontId="1"/>
  </si>
  <si>
    <t>日本赤十字社・社会保険関係団体</t>
    <rPh sb="0" eb="2">
      <t>ニホン</t>
    </rPh>
    <rPh sb="2" eb="5">
      <t>セキジュウジ</t>
    </rPh>
    <rPh sb="5" eb="6">
      <t>シャ</t>
    </rPh>
    <rPh sb="7" eb="9">
      <t>シャカイ</t>
    </rPh>
    <rPh sb="9" eb="11">
      <t>ホケン</t>
    </rPh>
    <rPh sb="11" eb="13">
      <t>カンケイ</t>
    </rPh>
    <rPh sb="13" eb="15">
      <t>ダンタイ</t>
    </rPh>
    <phoneticPr fontId="1"/>
  </si>
  <si>
    <t>社会福祉法人</t>
    <rPh sb="0" eb="2">
      <t>シャカイ</t>
    </rPh>
    <rPh sb="2" eb="4">
      <t>フクシ</t>
    </rPh>
    <rPh sb="4" eb="6">
      <t>ホウジン</t>
    </rPh>
    <phoneticPr fontId="1"/>
  </si>
  <si>
    <t>医療法人</t>
    <rPh sb="0" eb="2">
      <t>イリョウ</t>
    </rPh>
    <rPh sb="2" eb="4">
      <t>ホウジン</t>
    </rPh>
    <phoneticPr fontId="1"/>
  </si>
  <si>
    <t>社団・財団法人</t>
    <rPh sb="0" eb="2">
      <t>シャダン</t>
    </rPh>
    <rPh sb="3" eb="5">
      <t>ザイダン</t>
    </rPh>
    <rPh sb="5" eb="7">
      <t>ホウジン</t>
    </rPh>
    <phoneticPr fontId="1"/>
  </si>
  <si>
    <t>協同組合</t>
    <rPh sb="0" eb="2">
      <t>キョウドウ</t>
    </rPh>
    <rPh sb="2" eb="4">
      <t>クミアイ</t>
    </rPh>
    <phoneticPr fontId="1"/>
  </si>
  <si>
    <t>営利法人（会社）</t>
    <rPh sb="0" eb="2">
      <t>エイリ</t>
    </rPh>
    <rPh sb="2" eb="4">
      <t>ホウジン</t>
    </rPh>
    <rPh sb="5" eb="7">
      <t>カイシャ</t>
    </rPh>
    <phoneticPr fontId="1"/>
  </si>
  <si>
    <t>特定非営利活動法人</t>
    <rPh sb="0" eb="2">
      <t>トクテイ</t>
    </rPh>
    <rPh sb="2" eb="3">
      <t>ヒ</t>
    </rPh>
    <rPh sb="3" eb="5">
      <t>エイリ</t>
    </rPh>
    <rPh sb="5" eb="7">
      <t>カツドウ</t>
    </rPh>
    <rPh sb="7" eb="9">
      <t>ホウジン</t>
    </rPh>
    <phoneticPr fontId="1"/>
  </si>
  <si>
    <t>設置主体名</t>
    <rPh sb="0" eb="2">
      <t>セッチ</t>
    </rPh>
    <rPh sb="2" eb="4">
      <t>シュタイ</t>
    </rPh>
    <rPh sb="4" eb="5">
      <t>メイ</t>
    </rPh>
    <phoneticPr fontId="1"/>
  </si>
  <si>
    <t>体制の種類</t>
    <rPh sb="0" eb="2">
      <t>タイセイ</t>
    </rPh>
    <rPh sb="3" eb="5">
      <t>シュルイ</t>
    </rPh>
    <phoneticPr fontId="1"/>
  </si>
  <si>
    <t>24時間対応</t>
    <rPh sb="2" eb="4">
      <t>ジカン</t>
    </rPh>
    <rPh sb="4" eb="6">
      <t>タイオウ</t>
    </rPh>
    <phoneticPr fontId="1"/>
  </si>
  <si>
    <t>居宅併設</t>
    <rPh sb="0" eb="2">
      <t>キョタク</t>
    </rPh>
    <rPh sb="2" eb="4">
      <t>ヘイセツ</t>
    </rPh>
    <phoneticPr fontId="1"/>
  </si>
  <si>
    <t>看護小規模多機能併設</t>
    <rPh sb="0" eb="2">
      <t>カンゴ</t>
    </rPh>
    <rPh sb="2" eb="5">
      <t>ショウキボ</t>
    </rPh>
    <rPh sb="5" eb="8">
      <t>タキノウ</t>
    </rPh>
    <rPh sb="8" eb="10">
      <t>ヘイセツ</t>
    </rPh>
    <phoneticPr fontId="1"/>
  </si>
  <si>
    <t>機能強化型Ⅰ</t>
    <rPh sb="0" eb="2">
      <t>キノウ</t>
    </rPh>
    <rPh sb="2" eb="5">
      <t>キョウカガタ</t>
    </rPh>
    <phoneticPr fontId="1"/>
  </si>
  <si>
    <t>機能強化型Ⅱ</t>
    <rPh sb="0" eb="2">
      <t>キノウ</t>
    </rPh>
    <rPh sb="2" eb="5">
      <t>キョウカガタ</t>
    </rPh>
    <phoneticPr fontId="1"/>
  </si>
  <si>
    <t>機能強化型Ⅲ</t>
    <rPh sb="0" eb="2">
      <t>キノウ</t>
    </rPh>
    <rPh sb="2" eb="5">
      <t>キョウカガタ</t>
    </rPh>
    <phoneticPr fontId="1"/>
  </si>
  <si>
    <t>人工呼吸器対応</t>
    <rPh sb="0" eb="2">
      <t>ジンコウ</t>
    </rPh>
    <rPh sb="2" eb="5">
      <t>コキュウキ</t>
    </rPh>
    <rPh sb="5" eb="7">
      <t>タイオウ</t>
    </rPh>
    <phoneticPr fontId="1"/>
  </si>
  <si>
    <t>小児対応</t>
    <rPh sb="0" eb="2">
      <t>ショウニ</t>
    </rPh>
    <rPh sb="2" eb="4">
      <t>タイオウ</t>
    </rPh>
    <phoneticPr fontId="1"/>
  </si>
  <si>
    <t>精神科対応</t>
    <rPh sb="0" eb="3">
      <t>セイシンカ</t>
    </rPh>
    <rPh sb="3" eb="5">
      <t>タイオウ</t>
    </rPh>
    <phoneticPr fontId="1"/>
  </si>
  <si>
    <t>PT・OT・STによる対応</t>
    <rPh sb="11" eb="13">
      <t>タイオウ</t>
    </rPh>
    <phoneticPr fontId="1"/>
  </si>
  <si>
    <t>※複数回答</t>
    <rPh sb="1" eb="3">
      <t>フクスウ</t>
    </rPh>
    <rPh sb="3" eb="5">
      <t>カイトウ</t>
    </rPh>
    <phoneticPr fontId="1"/>
  </si>
  <si>
    <t>訪問管理加算の種類</t>
    <rPh sb="0" eb="2">
      <t>ホウモン</t>
    </rPh>
    <rPh sb="2" eb="4">
      <t>カンリ</t>
    </rPh>
    <rPh sb="4" eb="6">
      <t>カサン</t>
    </rPh>
    <rPh sb="7" eb="9">
      <t>シュルイ</t>
    </rPh>
    <phoneticPr fontId="1"/>
  </si>
  <si>
    <t>緊急時訪問看護加算</t>
    <rPh sb="0" eb="3">
      <t>キンキュウジ</t>
    </rPh>
    <rPh sb="3" eb="5">
      <t>ホウモン</t>
    </rPh>
    <rPh sb="5" eb="7">
      <t>カンゴ</t>
    </rPh>
    <rPh sb="7" eb="9">
      <t>カサン</t>
    </rPh>
    <phoneticPr fontId="1"/>
  </si>
  <si>
    <t>ターミナルケア体制加算</t>
    <rPh sb="7" eb="9">
      <t>タイセイ</t>
    </rPh>
    <rPh sb="9" eb="11">
      <t>カサン</t>
    </rPh>
    <phoneticPr fontId="1"/>
  </si>
  <si>
    <t>サービス提供体制強化加算</t>
    <rPh sb="4" eb="6">
      <t>テイキョウ</t>
    </rPh>
    <rPh sb="6" eb="8">
      <t>タイセイ</t>
    </rPh>
    <rPh sb="8" eb="10">
      <t>キョウカ</t>
    </rPh>
    <rPh sb="10" eb="12">
      <t>カサン</t>
    </rPh>
    <phoneticPr fontId="1"/>
  </si>
  <si>
    <t>特別管理体制加算</t>
    <rPh sb="0" eb="2">
      <t>トクベツ</t>
    </rPh>
    <rPh sb="2" eb="4">
      <t>カンリ</t>
    </rPh>
    <rPh sb="4" eb="6">
      <t>タイセイ</t>
    </rPh>
    <rPh sb="6" eb="8">
      <t>カサン</t>
    </rPh>
    <phoneticPr fontId="1"/>
  </si>
  <si>
    <t>看護体制強化加算</t>
    <rPh sb="0" eb="2">
      <t>カンゴ</t>
    </rPh>
    <rPh sb="2" eb="4">
      <t>タイセイ</t>
    </rPh>
    <rPh sb="4" eb="6">
      <t>キョウカ</t>
    </rPh>
    <rPh sb="6" eb="8">
      <t>カサン</t>
    </rPh>
    <phoneticPr fontId="1"/>
  </si>
  <si>
    <t>24時間対応体制加算</t>
    <rPh sb="2" eb="4">
      <t>ジカン</t>
    </rPh>
    <rPh sb="4" eb="6">
      <t>タイオウ</t>
    </rPh>
    <rPh sb="6" eb="8">
      <t>タイセイ</t>
    </rPh>
    <rPh sb="8" eb="10">
      <t>カサン</t>
    </rPh>
    <phoneticPr fontId="1"/>
  </si>
  <si>
    <t>訪問件数</t>
    <rPh sb="0" eb="2">
      <t>ホウモン</t>
    </rPh>
    <rPh sb="2" eb="4">
      <t>ケンスウ</t>
    </rPh>
    <phoneticPr fontId="1"/>
  </si>
  <si>
    <t>500～999</t>
    <phoneticPr fontId="1"/>
  </si>
  <si>
    <t>職種</t>
    <rPh sb="0" eb="2">
      <t>ショクシュ</t>
    </rPh>
    <phoneticPr fontId="1"/>
  </si>
  <si>
    <t>理学療法士</t>
    <rPh sb="0" eb="2">
      <t>リガク</t>
    </rPh>
    <rPh sb="2" eb="5">
      <t>リョウホウシ</t>
    </rPh>
    <phoneticPr fontId="1"/>
  </si>
  <si>
    <t>作業療法士</t>
    <rPh sb="0" eb="2">
      <t>サギョウ</t>
    </rPh>
    <rPh sb="2" eb="5">
      <t>リョウホウシ</t>
    </rPh>
    <phoneticPr fontId="1"/>
  </si>
  <si>
    <t>言語聴覚士</t>
    <rPh sb="0" eb="2">
      <t>ゲンゴ</t>
    </rPh>
    <rPh sb="2" eb="4">
      <t>チョウカク</t>
    </rPh>
    <rPh sb="4" eb="5">
      <t>シ</t>
    </rPh>
    <phoneticPr fontId="1"/>
  </si>
  <si>
    <t>70歳以上</t>
    <rPh sb="2" eb="3">
      <t>サイ</t>
    </rPh>
    <rPh sb="3" eb="5">
      <t>イジョウ</t>
    </rPh>
    <phoneticPr fontId="1"/>
  </si>
  <si>
    <t>不明</t>
    <rPh sb="0" eb="2">
      <t>フメイ</t>
    </rPh>
    <phoneticPr fontId="1"/>
  </si>
  <si>
    <t>分野</t>
    <rPh sb="0" eb="2">
      <t>ブンヤ</t>
    </rPh>
    <phoneticPr fontId="1"/>
  </si>
  <si>
    <t>受講中</t>
    <rPh sb="0" eb="3">
      <t>ジュコウチュウ</t>
    </rPh>
    <phoneticPr fontId="1"/>
  </si>
  <si>
    <t>無し</t>
    <rPh sb="0" eb="1">
      <t>ナ</t>
    </rPh>
    <phoneticPr fontId="1"/>
  </si>
  <si>
    <t>有り</t>
    <rPh sb="0" eb="1">
      <t>ア</t>
    </rPh>
    <phoneticPr fontId="1"/>
  </si>
  <si>
    <t>回答施設数</t>
    <rPh sb="0" eb="2">
      <t>カイトウ</t>
    </rPh>
    <rPh sb="2" eb="5">
      <t>シセツスウ</t>
    </rPh>
    <phoneticPr fontId="1"/>
  </si>
  <si>
    <t>専任教員養成講習会</t>
    <rPh sb="0" eb="2">
      <t>センニン</t>
    </rPh>
    <rPh sb="2" eb="4">
      <t>キョウイン</t>
    </rPh>
    <rPh sb="4" eb="6">
      <t>ヨウセイ</t>
    </rPh>
    <rPh sb="6" eb="9">
      <t>コウシュウカイ</t>
    </rPh>
    <phoneticPr fontId="1"/>
  </si>
  <si>
    <t>講習会名</t>
    <rPh sb="0" eb="3">
      <t>コウシュウカイ</t>
    </rPh>
    <rPh sb="3" eb="4">
      <t>メイ</t>
    </rPh>
    <phoneticPr fontId="1"/>
  </si>
  <si>
    <t>実習指導者講習会</t>
    <rPh sb="0" eb="2">
      <t>ジッシュウ</t>
    </rPh>
    <rPh sb="2" eb="5">
      <t>シドウシャ</t>
    </rPh>
    <rPh sb="5" eb="7">
      <t>コウシュウ</t>
    </rPh>
    <rPh sb="7" eb="8">
      <t>カイ</t>
    </rPh>
    <phoneticPr fontId="1"/>
  </si>
  <si>
    <t>修了者数（人）</t>
    <rPh sb="0" eb="3">
      <t>シュウリョウシャ</t>
    </rPh>
    <rPh sb="3" eb="4">
      <t>スウ</t>
    </rPh>
    <rPh sb="5" eb="6">
      <t>ニン</t>
    </rPh>
    <phoneticPr fontId="1"/>
  </si>
  <si>
    <t>管理者</t>
    <rPh sb="0" eb="3">
      <t>カンリシャ</t>
    </rPh>
    <phoneticPr fontId="1"/>
  </si>
  <si>
    <t>施設数</t>
    <rPh sb="0" eb="3">
      <t>シセツスウ</t>
    </rPh>
    <phoneticPr fontId="1"/>
  </si>
  <si>
    <t>チラシの種類</t>
    <rPh sb="4" eb="6">
      <t>シュルイ</t>
    </rPh>
    <phoneticPr fontId="1"/>
  </si>
  <si>
    <t>知っている</t>
    <rPh sb="0" eb="1">
      <t>シ</t>
    </rPh>
    <phoneticPr fontId="1"/>
  </si>
  <si>
    <t>知らない</t>
    <rPh sb="0" eb="1">
      <t>シ</t>
    </rPh>
    <phoneticPr fontId="1"/>
  </si>
  <si>
    <t>医療機関向け</t>
    <rPh sb="0" eb="2">
      <t>イリョウ</t>
    </rPh>
    <rPh sb="2" eb="4">
      <t>キカン</t>
    </rPh>
    <rPh sb="4" eb="5">
      <t>ム</t>
    </rPh>
    <phoneticPr fontId="1"/>
  </si>
  <si>
    <t>ケアマネージャー向け</t>
    <rPh sb="8" eb="9">
      <t>ム</t>
    </rPh>
    <phoneticPr fontId="1"/>
  </si>
  <si>
    <t>一般向け</t>
    <rPh sb="0" eb="3">
      <t>イッパンム</t>
    </rPh>
    <phoneticPr fontId="1"/>
  </si>
  <si>
    <t>使用有り</t>
    <rPh sb="0" eb="2">
      <t>シヨウ</t>
    </rPh>
    <rPh sb="2" eb="3">
      <t>ア</t>
    </rPh>
    <phoneticPr fontId="1"/>
  </si>
  <si>
    <t>使用無し</t>
    <rPh sb="0" eb="2">
      <t>シヨウ</t>
    </rPh>
    <rPh sb="2" eb="3">
      <t>ナ</t>
    </rPh>
    <phoneticPr fontId="1"/>
  </si>
  <si>
    <t>包括で行う民生委員との会議・ケアマネの研修など</t>
    <rPh sb="0" eb="2">
      <t>ホウカツ</t>
    </rPh>
    <rPh sb="3" eb="4">
      <t>オコナ</t>
    </rPh>
    <rPh sb="5" eb="7">
      <t>ミンセイ</t>
    </rPh>
    <rPh sb="7" eb="9">
      <t>イイン</t>
    </rPh>
    <rPh sb="11" eb="13">
      <t>カイギ</t>
    </rPh>
    <rPh sb="19" eb="21">
      <t>ケンシュウ</t>
    </rPh>
    <phoneticPr fontId="16"/>
  </si>
  <si>
    <t>訪問看護を導入しやすいパンフレット、利用していきたい</t>
    <rPh sb="0" eb="2">
      <t>ホウモン</t>
    </rPh>
    <rPh sb="2" eb="4">
      <t>カンゴ</t>
    </rPh>
    <rPh sb="5" eb="7">
      <t>ドウニュウ</t>
    </rPh>
    <rPh sb="18" eb="20">
      <t>リヨウ</t>
    </rPh>
    <phoneticPr fontId="16"/>
  </si>
  <si>
    <t>ケアマネ連絡会での周知</t>
    <rPh sb="4" eb="7">
      <t>レンラクカイ</t>
    </rPh>
    <rPh sb="9" eb="11">
      <t>シュウチ</t>
    </rPh>
    <phoneticPr fontId="16"/>
  </si>
  <si>
    <t>居宅介護事業所訪問時に管理者やケアマネに説明、配布した</t>
    <rPh sb="0" eb="7">
      <t>キョタクカイゴジギョウショ</t>
    </rPh>
    <rPh sb="7" eb="9">
      <t>ホウモン</t>
    </rPh>
    <rPh sb="9" eb="10">
      <t>ジ</t>
    </rPh>
    <rPh sb="11" eb="14">
      <t>カンリシャ</t>
    </rPh>
    <rPh sb="20" eb="22">
      <t>セツメイ</t>
    </rPh>
    <rPh sb="23" eb="25">
      <t>ハイフ</t>
    </rPh>
    <phoneticPr fontId="16"/>
  </si>
  <si>
    <t>ボランティアの集まりに紹介配布、有志の集合等</t>
    <rPh sb="7" eb="8">
      <t>アツ</t>
    </rPh>
    <rPh sb="11" eb="13">
      <t>ショウカイ</t>
    </rPh>
    <rPh sb="13" eb="15">
      <t>ハイフ</t>
    </rPh>
    <rPh sb="16" eb="18">
      <t>ユウシ</t>
    </rPh>
    <rPh sb="19" eb="21">
      <t>シュウゴウ</t>
    </rPh>
    <rPh sb="21" eb="22">
      <t>ナド</t>
    </rPh>
    <phoneticPr fontId="16"/>
  </si>
  <si>
    <t>見る・聞く・対話に効率よく紹介できる</t>
    <rPh sb="0" eb="1">
      <t>ミ</t>
    </rPh>
    <rPh sb="3" eb="4">
      <t>キ</t>
    </rPh>
    <rPh sb="6" eb="8">
      <t>タイワ</t>
    </rPh>
    <rPh sb="9" eb="11">
      <t>コウリツ</t>
    </rPh>
    <rPh sb="13" eb="15">
      <t>ショウカイ</t>
    </rPh>
    <phoneticPr fontId="16"/>
  </si>
  <si>
    <t>自治医科大学：①呼吸器（気道確保に係るもの）関連、②呼吸器（人工呼吸療法に係るもの）関連、③呼吸器（長期呼吸療法に係るもの）関連、④創傷管理関連、⑤ろう孔管理関連　５区分10行為</t>
    <rPh sb="0" eb="6">
      <t>ジチイカダイガク</t>
    </rPh>
    <rPh sb="8" eb="11">
      <t>コキュウキ</t>
    </rPh>
    <rPh sb="12" eb="14">
      <t>キドウ</t>
    </rPh>
    <rPh sb="14" eb="16">
      <t>カクホ</t>
    </rPh>
    <rPh sb="17" eb="18">
      <t>カカ</t>
    </rPh>
    <rPh sb="22" eb="24">
      <t>カンレン</t>
    </rPh>
    <rPh sb="26" eb="29">
      <t>コキュウキ</t>
    </rPh>
    <rPh sb="30" eb="32">
      <t>ジンコウ</t>
    </rPh>
    <rPh sb="32" eb="34">
      <t>コキュウ</t>
    </rPh>
    <rPh sb="34" eb="36">
      <t>リョウホウ</t>
    </rPh>
    <rPh sb="37" eb="38">
      <t>カカ</t>
    </rPh>
    <rPh sb="42" eb="44">
      <t>カンレン</t>
    </rPh>
    <rPh sb="46" eb="49">
      <t>コキュウキ</t>
    </rPh>
    <rPh sb="50" eb="52">
      <t>チョウキ</t>
    </rPh>
    <rPh sb="52" eb="54">
      <t>コキュウ</t>
    </rPh>
    <rPh sb="54" eb="56">
      <t>リョウホウ</t>
    </rPh>
    <rPh sb="57" eb="58">
      <t>カカ</t>
    </rPh>
    <rPh sb="62" eb="64">
      <t>カンレン</t>
    </rPh>
    <rPh sb="66" eb="68">
      <t>ソウショウ</t>
    </rPh>
    <rPh sb="68" eb="70">
      <t>カンリ</t>
    </rPh>
    <rPh sb="70" eb="72">
      <t>カンレン</t>
    </rPh>
    <rPh sb="76" eb="77">
      <t>アナ</t>
    </rPh>
    <rPh sb="77" eb="79">
      <t>カンリ</t>
    </rPh>
    <rPh sb="79" eb="81">
      <t>カンレン</t>
    </rPh>
    <rPh sb="83" eb="85">
      <t>クブン</t>
    </rPh>
    <rPh sb="87" eb="89">
      <t>コウイ</t>
    </rPh>
    <phoneticPr fontId="16"/>
  </si>
  <si>
    <t>同じ敷地内にいるケアマネに渡した。</t>
    <rPh sb="0" eb="1">
      <t>オナ</t>
    </rPh>
    <rPh sb="2" eb="4">
      <t>シキチ</t>
    </rPh>
    <rPh sb="4" eb="5">
      <t>ナイ</t>
    </rPh>
    <rPh sb="13" eb="14">
      <t>ワタ</t>
    </rPh>
    <phoneticPr fontId="16"/>
  </si>
  <si>
    <t>それぞれの説明時</t>
    <rPh sb="5" eb="7">
      <t>セツメイ</t>
    </rPh>
    <rPh sb="7" eb="8">
      <t>ジ</t>
    </rPh>
    <phoneticPr fontId="16"/>
  </si>
  <si>
    <t>ホームページにのせた</t>
    <phoneticPr fontId="16"/>
  </si>
  <si>
    <t>地域の研修会で市民に在宅での介護、医療について講義で配布し説明</t>
    <rPh sb="0" eb="2">
      <t>チイキ</t>
    </rPh>
    <rPh sb="3" eb="5">
      <t>ケンシュウ</t>
    </rPh>
    <rPh sb="5" eb="6">
      <t>カイ</t>
    </rPh>
    <rPh sb="7" eb="9">
      <t>シミン</t>
    </rPh>
    <rPh sb="10" eb="12">
      <t>ザイタク</t>
    </rPh>
    <rPh sb="14" eb="16">
      <t>カイゴ</t>
    </rPh>
    <rPh sb="17" eb="19">
      <t>イリョウ</t>
    </rPh>
    <rPh sb="23" eb="25">
      <t>コウギ</t>
    </rPh>
    <rPh sb="26" eb="28">
      <t>ハイフ</t>
    </rPh>
    <rPh sb="29" eb="31">
      <t>セツメイ</t>
    </rPh>
    <phoneticPr fontId="16"/>
  </si>
  <si>
    <t>項目ごとに説明しやすい</t>
    <rPh sb="0" eb="2">
      <t>コウモク</t>
    </rPh>
    <rPh sb="5" eb="7">
      <t>セツメイ</t>
    </rPh>
    <phoneticPr fontId="16"/>
  </si>
  <si>
    <t>ケアマネージャー宛、地域の講習会で使用</t>
    <rPh sb="8" eb="9">
      <t>アテ</t>
    </rPh>
    <rPh sb="10" eb="12">
      <t>チイキ</t>
    </rPh>
    <rPh sb="13" eb="16">
      <t>コウシュウカイ</t>
    </rPh>
    <rPh sb="17" eb="19">
      <t>シヨウ</t>
    </rPh>
    <phoneticPr fontId="16"/>
  </si>
  <si>
    <t>医療機関や地域ケアプラザ等必要な方が閲覧できるようにしていただきたいです。</t>
    <rPh sb="0" eb="2">
      <t>イリョウ</t>
    </rPh>
    <rPh sb="2" eb="4">
      <t>キカン</t>
    </rPh>
    <rPh sb="5" eb="7">
      <t>チイキ</t>
    </rPh>
    <rPh sb="12" eb="13">
      <t>トウ</t>
    </rPh>
    <rPh sb="13" eb="15">
      <t>ヒツヨウ</t>
    </rPh>
    <rPh sb="16" eb="17">
      <t>カタ</t>
    </rPh>
    <rPh sb="18" eb="20">
      <t>エツラン</t>
    </rPh>
    <phoneticPr fontId="16"/>
  </si>
  <si>
    <t>ケアマネージャーに渡している</t>
    <rPh sb="9" eb="10">
      <t>ワタ</t>
    </rPh>
    <phoneticPr fontId="16"/>
  </si>
  <si>
    <t>わかりやすくていいと思います。今後配布していきたいと思います。</t>
    <rPh sb="10" eb="11">
      <t>オモ</t>
    </rPh>
    <rPh sb="15" eb="17">
      <t>コンゴ</t>
    </rPh>
    <rPh sb="17" eb="19">
      <t>ハイフ</t>
    </rPh>
    <rPh sb="26" eb="27">
      <t>オモ</t>
    </rPh>
    <phoneticPr fontId="16"/>
  </si>
  <si>
    <t>対象の方に対して適切だと思われるチラシを配布させていただいています。</t>
    <rPh sb="0" eb="2">
      <t>タイショウ</t>
    </rPh>
    <rPh sb="3" eb="4">
      <t>カタ</t>
    </rPh>
    <rPh sb="5" eb="6">
      <t>タイ</t>
    </rPh>
    <rPh sb="8" eb="10">
      <t>テキセツ</t>
    </rPh>
    <rPh sb="12" eb="13">
      <t>オモ</t>
    </rPh>
    <rPh sb="20" eb="22">
      <t>ハイフ</t>
    </rPh>
    <phoneticPr fontId="16"/>
  </si>
  <si>
    <t>契約時、利用した。看護の日　相談窓口</t>
    <rPh sb="0" eb="2">
      <t>ケイヤク</t>
    </rPh>
    <rPh sb="2" eb="3">
      <t>ジ</t>
    </rPh>
    <rPh sb="4" eb="6">
      <t>リヨウ</t>
    </rPh>
    <rPh sb="9" eb="11">
      <t>カンゴ</t>
    </rPh>
    <rPh sb="12" eb="13">
      <t>ヒ</t>
    </rPh>
    <rPh sb="14" eb="16">
      <t>ソウダン</t>
    </rPh>
    <rPh sb="16" eb="18">
      <t>マドグチ</t>
    </rPh>
    <phoneticPr fontId="16"/>
  </si>
  <si>
    <t>HP・在宅医療</t>
    <rPh sb="3" eb="5">
      <t>ザイタク</t>
    </rPh>
    <rPh sb="5" eb="7">
      <t>イリョウ</t>
    </rPh>
    <phoneticPr fontId="16"/>
  </si>
  <si>
    <t>訪問看護利用にあたっての説明に利用</t>
    <rPh sb="0" eb="4">
      <t>ホウモンカンゴ</t>
    </rPh>
    <rPh sb="4" eb="6">
      <t>リヨウ</t>
    </rPh>
    <rPh sb="12" eb="14">
      <t>セツメイ</t>
    </rPh>
    <rPh sb="15" eb="17">
      <t>リヨウ</t>
    </rPh>
    <phoneticPr fontId="16"/>
  </si>
  <si>
    <t>サービス提供開始時、家族に知っていただくため</t>
    <rPh sb="4" eb="6">
      <t>テイキョウ</t>
    </rPh>
    <rPh sb="6" eb="8">
      <t>カイシ</t>
    </rPh>
    <rPh sb="8" eb="9">
      <t>ジ</t>
    </rPh>
    <rPh sb="10" eb="12">
      <t>カゾク</t>
    </rPh>
    <rPh sb="13" eb="14">
      <t>シ</t>
    </rPh>
    <phoneticPr fontId="16"/>
  </si>
  <si>
    <t>血糖コントロールに係る薬剤投与関連、持続点滴中の高カロリー輸液の投与量の調整、脱水症状に対する輸液による補正</t>
    <rPh sb="0" eb="2">
      <t>ケットウ</t>
    </rPh>
    <rPh sb="9" eb="10">
      <t>カカワ</t>
    </rPh>
    <rPh sb="11" eb="13">
      <t>ヤクザイ</t>
    </rPh>
    <rPh sb="13" eb="15">
      <t>トウヨ</t>
    </rPh>
    <rPh sb="15" eb="17">
      <t>カンレン</t>
    </rPh>
    <rPh sb="18" eb="20">
      <t>ジゾク</t>
    </rPh>
    <rPh sb="20" eb="23">
      <t>テンテキチュウ</t>
    </rPh>
    <rPh sb="24" eb="25">
      <t>コウ</t>
    </rPh>
    <rPh sb="29" eb="31">
      <t>ユエキ</t>
    </rPh>
    <rPh sb="32" eb="34">
      <t>トウヨ</t>
    </rPh>
    <rPh sb="34" eb="35">
      <t>リョウ</t>
    </rPh>
    <rPh sb="36" eb="38">
      <t>チョウセイ</t>
    </rPh>
    <rPh sb="39" eb="41">
      <t>ダッスイ</t>
    </rPh>
    <rPh sb="41" eb="43">
      <t>ショウジョウ</t>
    </rPh>
    <rPh sb="44" eb="45">
      <t>タイ</t>
    </rPh>
    <rPh sb="47" eb="49">
      <t>ユエキ</t>
    </rPh>
    <rPh sb="52" eb="54">
      <t>ホセイ</t>
    </rPh>
    <phoneticPr fontId="16"/>
  </si>
  <si>
    <t>創傷、腹腔ドレーン、創部ドレーン、栄養中心静脈関連</t>
    <rPh sb="0" eb="2">
      <t>ソウショウ</t>
    </rPh>
    <rPh sb="3" eb="5">
      <t>フククウ</t>
    </rPh>
    <rPh sb="10" eb="12">
      <t>ソウブ</t>
    </rPh>
    <rPh sb="17" eb="19">
      <t>エイヨウ</t>
    </rPh>
    <rPh sb="19" eb="21">
      <t>チュウシン</t>
    </rPh>
    <rPh sb="21" eb="23">
      <t>ジョウミャク</t>
    </rPh>
    <rPh sb="23" eb="25">
      <t>カンレン</t>
    </rPh>
    <phoneticPr fontId="16"/>
  </si>
  <si>
    <t>初回訪問や相談の時</t>
    <rPh sb="0" eb="2">
      <t>ショカイ</t>
    </rPh>
    <rPh sb="2" eb="4">
      <t>ホウモン</t>
    </rPh>
    <rPh sb="5" eb="7">
      <t>ソウダン</t>
    </rPh>
    <rPh sb="8" eb="9">
      <t>トキ</t>
    </rPh>
    <phoneticPr fontId="16"/>
  </si>
  <si>
    <t>今度配ってみようかと思います。</t>
    <rPh sb="0" eb="2">
      <t>コンド</t>
    </rPh>
    <rPh sb="2" eb="3">
      <t>クバ</t>
    </rPh>
    <rPh sb="10" eb="11">
      <t>オモ</t>
    </rPh>
    <phoneticPr fontId="16"/>
  </si>
  <si>
    <t>患者や家族に説明するとき</t>
    <rPh sb="0" eb="2">
      <t>カンジャ</t>
    </rPh>
    <rPh sb="3" eb="5">
      <t>カゾク</t>
    </rPh>
    <rPh sb="6" eb="8">
      <t>セツメイ</t>
    </rPh>
    <phoneticPr fontId="16"/>
  </si>
  <si>
    <t>CMへの営業活動時に使用</t>
    <rPh sb="4" eb="6">
      <t>エイギョウ</t>
    </rPh>
    <rPh sb="6" eb="8">
      <t>カツドウ</t>
    </rPh>
    <rPh sb="8" eb="9">
      <t>ジ</t>
    </rPh>
    <rPh sb="10" eb="12">
      <t>シヨウ</t>
    </rPh>
    <phoneticPr fontId="16"/>
  </si>
  <si>
    <t>看護協会などが出している訪看の一覧があることもお知らせしたほうがよいのでは？</t>
    <rPh sb="0" eb="2">
      <t>カンゴ</t>
    </rPh>
    <rPh sb="2" eb="4">
      <t>キョウカイ</t>
    </rPh>
    <rPh sb="7" eb="8">
      <t>ダ</t>
    </rPh>
    <rPh sb="12" eb="14">
      <t>ホウカン</t>
    </rPh>
    <rPh sb="15" eb="17">
      <t>イチラン</t>
    </rPh>
    <rPh sb="24" eb="25">
      <t>シ</t>
    </rPh>
    <phoneticPr fontId="16"/>
  </si>
  <si>
    <t>利用者が知人に訪問看護をすすめたいと話されていたので、一般向けチラシを利用</t>
    <rPh sb="0" eb="3">
      <t>リヨウシャ</t>
    </rPh>
    <rPh sb="4" eb="6">
      <t>チジン</t>
    </rPh>
    <rPh sb="7" eb="9">
      <t>ホウモン</t>
    </rPh>
    <rPh sb="9" eb="11">
      <t>カンゴ</t>
    </rPh>
    <rPh sb="18" eb="19">
      <t>ハナ</t>
    </rPh>
    <rPh sb="27" eb="30">
      <t>イッパンム</t>
    </rPh>
    <rPh sb="35" eb="37">
      <t>リヨウ</t>
    </rPh>
    <phoneticPr fontId="16"/>
  </si>
  <si>
    <t>地域での講演の際</t>
    <rPh sb="0" eb="2">
      <t>チイキ</t>
    </rPh>
    <rPh sb="4" eb="6">
      <t>コウエン</t>
    </rPh>
    <rPh sb="7" eb="8">
      <t>サイ</t>
    </rPh>
    <phoneticPr fontId="16"/>
  </si>
  <si>
    <t>訪問看護導入のめやす</t>
    <rPh sb="0" eb="2">
      <t>ホウモン</t>
    </rPh>
    <rPh sb="2" eb="4">
      <t>カンゴ</t>
    </rPh>
    <rPh sb="4" eb="6">
      <t>ドウニュウ</t>
    </rPh>
    <phoneticPr fontId="16"/>
  </si>
  <si>
    <t>大変よい</t>
    <rPh sb="0" eb="2">
      <t>タイヘン</t>
    </rPh>
    <phoneticPr fontId="16"/>
  </si>
  <si>
    <t>内部のケアマネージャーや他の職員に対して、回覧板での閲覧ができるようにしている。</t>
    <rPh sb="0" eb="2">
      <t>ナイブ</t>
    </rPh>
    <rPh sb="12" eb="13">
      <t>タ</t>
    </rPh>
    <rPh sb="14" eb="16">
      <t>ショクイン</t>
    </rPh>
    <rPh sb="17" eb="18">
      <t>タイ</t>
    </rPh>
    <rPh sb="21" eb="24">
      <t>カイランバン</t>
    </rPh>
    <rPh sb="26" eb="28">
      <t>エツラン</t>
    </rPh>
    <phoneticPr fontId="16"/>
  </si>
  <si>
    <t>サービス導入の目安も分かりやすいので、訪問看護項目の選択時に活用しています。</t>
    <rPh sb="4" eb="6">
      <t>ドウニュウ</t>
    </rPh>
    <rPh sb="7" eb="9">
      <t>メヤス</t>
    </rPh>
    <rPh sb="10" eb="11">
      <t>ワ</t>
    </rPh>
    <rPh sb="19" eb="21">
      <t>ホウモン</t>
    </rPh>
    <rPh sb="21" eb="23">
      <t>カンゴ</t>
    </rPh>
    <rPh sb="23" eb="25">
      <t>コウモク</t>
    </rPh>
    <rPh sb="26" eb="28">
      <t>センタク</t>
    </rPh>
    <rPh sb="28" eb="29">
      <t>ジ</t>
    </rPh>
    <rPh sb="30" eb="32">
      <t>カツヨウ</t>
    </rPh>
    <phoneticPr fontId="16"/>
  </si>
  <si>
    <t>ケアマネージャーへ</t>
    <phoneticPr fontId="16"/>
  </si>
  <si>
    <t>居宅事業所や病院へ営業に行ったとき等</t>
    <rPh sb="0" eb="2">
      <t>キョタク</t>
    </rPh>
    <rPh sb="2" eb="5">
      <t>ジギョウショ</t>
    </rPh>
    <rPh sb="6" eb="8">
      <t>ビョウイン</t>
    </rPh>
    <rPh sb="9" eb="11">
      <t>エイギョウ</t>
    </rPh>
    <rPh sb="12" eb="13">
      <t>イ</t>
    </rPh>
    <rPh sb="17" eb="18">
      <t>トウ</t>
    </rPh>
    <phoneticPr fontId="16"/>
  </si>
  <si>
    <t>同法人の病院看護師や地域住民向けに訪問看護について講習した際活用</t>
    <rPh sb="0" eb="1">
      <t>オナ</t>
    </rPh>
    <rPh sb="1" eb="3">
      <t>ホウジン</t>
    </rPh>
    <rPh sb="4" eb="6">
      <t>ビョウイン</t>
    </rPh>
    <rPh sb="6" eb="9">
      <t>カンゴシ</t>
    </rPh>
    <rPh sb="10" eb="12">
      <t>チイキ</t>
    </rPh>
    <rPh sb="12" eb="14">
      <t>ジュウミン</t>
    </rPh>
    <rPh sb="14" eb="15">
      <t>ム</t>
    </rPh>
    <rPh sb="17" eb="21">
      <t>ホウモンカンゴ</t>
    </rPh>
    <rPh sb="25" eb="27">
      <t>コウシュウ</t>
    </rPh>
    <rPh sb="29" eb="30">
      <t>サイ</t>
    </rPh>
    <rPh sb="30" eb="32">
      <t>カツヨウ</t>
    </rPh>
    <phoneticPr fontId="16"/>
  </si>
  <si>
    <t>法人内のケアマネに渡した</t>
    <rPh sb="0" eb="2">
      <t>ホウジン</t>
    </rPh>
    <rPh sb="2" eb="3">
      <t>ナイ</t>
    </rPh>
    <rPh sb="9" eb="10">
      <t>ワタ</t>
    </rPh>
    <phoneticPr fontId="16"/>
  </si>
  <si>
    <t>絵でイメージしやすくわかりやすくてよい</t>
    <rPh sb="0" eb="1">
      <t>エ</t>
    </rPh>
    <phoneticPr fontId="16"/>
  </si>
  <si>
    <t>利用者（家族含め）へ業務内容を説明する際</t>
    <rPh sb="0" eb="3">
      <t>リヨウシャ</t>
    </rPh>
    <rPh sb="4" eb="6">
      <t>カゾク</t>
    </rPh>
    <rPh sb="6" eb="7">
      <t>フク</t>
    </rPh>
    <rPh sb="10" eb="12">
      <t>ギョウム</t>
    </rPh>
    <rPh sb="12" eb="14">
      <t>ナイヨウ</t>
    </rPh>
    <rPh sb="15" eb="17">
      <t>セツメイ</t>
    </rPh>
    <rPh sb="19" eb="20">
      <t>サイ</t>
    </rPh>
    <phoneticPr fontId="16"/>
  </si>
  <si>
    <t>地域ケアマネに訪問看護導入時期、目的、サービス内容について説明を実施</t>
    <rPh sb="0" eb="2">
      <t>チイキ</t>
    </rPh>
    <rPh sb="7" eb="9">
      <t>ホウモン</t>
    </rPh>
    <rPh sb="9" eb="11">
      <t>カンゴ</t>
    </rPh>
    <rPh sb="11" eb="13">
      <t>ドウニュウ</t>
    </rPh>
    <rPh sb="13" eb="15">
      <t>ジキ</t>
    </rPh>
    <rPh sb="16" eb="18">
      <t>モクテキ</t>
    </rPh>
    <rPh sb="23" eb="25">
      <t>ナイヨウ</t>
    </rPh>
    <rPh sb="29" eb="31">
      <t>セツメイ</t>
    </rPh>
    <rPh sb="32" eb="34">
      <t>ジッシ</t>
    </rPh>
    <phoneticPr fontId="16"/>
  </si>
  <si>
    <t>営業時活用</t>
    <rPh sb="0" eb="2">
      <t>エイギョウ</t>
    </rPh>
    <rPh sb="2" eb="3">
      <t>ジ</t>
    </rPh>
    <rPh sb="3" eb="5">
      <t>カツヨウ</t>
    </rPh>
    <phoneticPr fontId="16"/>
  </si>
  <si>
    <t>ケアマネジャーに配布、営業活動時に説明・活用してもらっている</t>
    <rPh sb="8" eb="10">
      <t>ハイフ</t>
    </rPh>
    <rPh sb="11" eb="13">
      <t>エイギョウ</t>
    </rPh>
    <rPh sb="13" eb="15">
      <t>カツドウ</t>
    </rPh>
    <rPh sb="15" eb="16">
      <t>ジ</t>
    </rPh>
    <rPh sb="17" eb="19">
      <t>セツメイ</t>
    </rPh>
    <rPh sb="20" eb="22">
      <t>カツヨウ</t>
    </rPh>
    <phoneticPr fontId="16"/>
  </si>
  <si>
    <t>とても役立つ</t>
    <rPh sb="3" eb="5">
      <t>ヤクダ</t>
    </rPh>
    <phoneticPr fontId="16"/>
  </si>
  <si>
    <t>居宅へ挨拶に伺う際に持参している</t>
    <rPh sb="0" eb="2">
      <t>キョタク</t>
    </rPh>
    <rPh sb="3" eb="5">
      <t>アイサツ</t>
    </rPh>
    <rPh sb="6" eb="7">
      <t>ウカガ</t>
    </rPh>
    <rPh sb="8" eb="9">
      <t>サイ</t>
    </rPh>
    <rPh sb="10" eb="12">
      <t>ジサン</t>
    </rPh>
    <phoneticPr fontId="16"/>
  </si>
  <si>
    <t>新人のケアマネの方に訪問看護の利用について講習会を実施したときに使用した。</t>
    <rPh sb="0" eb="2">
      <t>シンジン</t>
    </rPh>
    <rPh sb="8" eb="9">
      <t>カタ</t>
    </rPh>
    <rPh sb="10" eb="12">
      <t>ホウモン</t>
    </rPh>
    <rPh sb="12" eb="14">
      <t>カンゴ</t>
    </rPh>
    <rPh sb="15" eb="17">
      <t>リヨウ</t>
    </rPh>
    <rPh sb="21" eb="24">
      <t>コウシュウカイ</t>
    </rPh>
    <rPh sb="25" eb="27">
      <t>ジッシ</t>
    </rPh>
    <rPh sb="32" eb="34">
      <t>シヨウ</t>
    </rPh>
    <phoneticPr fontId="16"/>
  </si>
  <si>
    <t>わかりやすいと思います。</t>
    <rPh sb="7" eb="8">
      <t>オモ</t>
    </rPh>
    <phoneticPr fontId="16"/>
  </si>
  <si>
    <t>配布・掲示のみ</t>
    <rPh sb="0" eb="2">
      <t>ハイフ</t>
    </rPh>
    <rPh sb="3" eb="5">
      <t>ケイジ</t>
    </rPh>
    <phoneticPr fontId="16"/>
  </si>
  <si>
    <t>事業所の窓に一般向けチラシを貼りだしている。地域の方で問い合わせがあった時にお渡しした。その際、お知り合いにもどうぞと数枚渡した。</t>
    <rPh sb="0" eb="3">
      <t>ジギョウショ</t>
    </rPh>
    <rPh sb="4" eb="5">
      <t>マド</t>
    </rPh>
    <rPh sb="6" eb="9">
      <t>イッパンム</t>
    </rPh>
    <rPh sb="14" eb="15">
      <t>ハ</t>
    </rPh>
    <rPh sb="22" eb="24">
      <t>チイキ</t>
    </rPh>
    <rPh sb="25" eb="26">
      <t>カタ</t>
    </rPh>
    <rPh sb="27" eb="28">
      <t>ト</t>
    </rPh>
    <rPh sb="29" eb="30">
      <t>ア</t>
    </rPh>
    <rPh sb="36" eb="37">
      <t>トキ</t>
    </rPh>
    <rPh sb="39" eb="40">
      <t>ワタ</t>
    </rPh>
    <rPh sb="46" eb="47">
      <t>サイ</t>
    </rPh>
    <rPh sb="49" eb="50">
      <t>シ</t>
    </rPh>
    <rPh sb="51" eb="52">
      <t>ア</t>
    </rPh>
    <rPh sb="59" eb="61">
      <t>スウマイ</t>
    </rPh>
    <rPh sb="61" eb="62">
      <t>ワタ</t>
    </rPh>
    <phoneticPr fontId="16"/>
  </si>
  <si>
    <t>わかりやすくてよいと思う。</t>
    <rPh sb="10" eb="11">
      <t>オモ</t>
    </rPh>
    <phoneticPr fontId="16"/>
  </si>
  <si>
    <t>訪問看護の実態を知らない方が多いので、宣伝用に何部か頂ければ幸いです</t>
    <rPh sb="0" eb="4">
      <t>ホウモンカンゴ</t>
    </rPh>
    <rPh sb="5" eb="7">
      <t>ジッタイ</t>
    </rPh>
    <rPh sb="8" eb="9">
      <t>シ</t>
    </rPh>
    <rPh sb="12" eb="13">
      <t>カタ</t>
    </rPh>
    <rPh sb="14" eb="15">
      <t>オオ</t>
    </rPh>
    <rPh sb="19" eb="22">
      <t>センデンヨウ</t>
    </rPh>
    <rPh sb="23" eb="25">
      <t>ナンブ</t>
    </rPh>
    <rPh sb="26" eb="27">
      <t>イタダ</t>
    </rPh>
    <rPh sb="30" eb="31">
      <t>サイワ</t>
    </rPh>
    <phoneticPr fontId="16"/>
  </si>
  <si>
    <t>居宅介護支援事業所のケアマネージャーにSTのパンフレットと共に渡してご挨拶をした。</t>
    <rPh sb="0" eb="2">
      <t>キョタク</t>
    </rPh>
    <rPh sb="2" eb="4">
      <t>カイゴ</t>
    </rPh>
    <rPh sb="4" eb="6">
      <t>シエン</t>
    </rPh>
    <rPh sb="6" eb="8">
      <t>ジギョウ</t>
    </rPh>
    <rPh sb="8" eb="9">
      <t>ショ</t>
    </rPh>
    <rPh sb="29" eb="30">
      <t>トモ</t>
    </rPh>
    <rPh sb="31" eb="32">
      <t>ワタ</t>
    </rPh>
    <rPh sb="35" eb="37">
      <t>アイサツ</t>
    </rPh>
    <phoneticPr fontId="16"/>
  </si>
  <si>
    <t>イラストや色もかわいくて見やすく、目につくと思う。</t>
    <rPh sb="5" eb="6">
      <t>イロ</t>
    </rPh>
    <rPh sb="12" eb="13">
      <t>ミ</t>
    </rPh>
    <rPh sb="17" eb="18">
      <t>メ</t>
    </rPh>
    <rPh sb="22" eb="23">
      <t>オモ</t>
    </rPh>
    <phoneticPr fontId="16"/>
  </si>
  <si>
    <t>活用していきたいです。</t>
    <rPh sb="0" eb="2">
      <t>カツヨウ</t>
    </rPh>
    <phoneticPr fontId="16"/>
  </si>
  <si>
    <t>活用したいと考えている</t>
    <rPh sb="0" eb="2">
      <t>カツヨウ</t>
    </rPh>
    <rPh sb="6" eb="7">
      <t>カンガ</t>
    </rPh>
    <phoneticPr fontId="16"/>
  </si>
  <si>
    <t>ケアマネージャーに渡した。併設老健施設の受付カウンターに置いた（一般用）</t>
    <rPh sb="9" eb="10">
      <t>ワタ</t>
    </rPh>
    <rPh sb="13" eb="15">
      <t>ヘイセツ</t>
    </rPh>
    <rPh sb="15" eb="17">
      <t>ロウケン</t>
    </rPh>
    <rPh sb="17" eb="19">
      <t>シセツ</t>
    </rPh>
    <rPh sb="20" eb="22">
      <t>ウケツケ</t>
    </rPh>
    <rPh sb="28" eb="29">
      <t>オ</t>
    </rPh>
    <rPh sb="32" eb="35">
      <t>イッパンヨウ</t>
    </rPh>
    <phoneticPr fontId="16"/>
  </si>
  <si>
    <t>計画書などの配布、営業で使用しています。</t>
    <rPh sb="0" eb="3">
      <t>ケイカクショ</t>
    </rPh>
    <rPh sb="6" eb="8">
      <t>ハイフ</t>
    </rPh>
    <rPh sb="9" eb="11">
      <t>エイギョウ</t>
    </rPh>
    <rPh sb="12" eb="14">
      <t>シヨウ</t>
    </rPh>
    <phoneticPr fontId="16"/>
  </si>
  <si>
    <t>大変見やすいので、今後も利用させてもらいます。当ステーション名を入れられるのもよいと思います。</t>
    <rPh sb="0" eb="2">
      <t>タイヘン</t>
    </rPh>
    <rPh sb="2" eb="3">
      <t>ミ</t>
    </rPh>
    <rPh sb="9" eb="11">
      <t>コンゴ</t>
    </rPh>
    <rPh sb="12" eb="14">
      <t>リヨウ</t>
    </rPh>
    <rPh sb="23" eb="24">
      <t>トウ</t>
    </rPh>
    <rPh sb="30" eb="31">
      <t>メイ</t>
    </rPh>
    <rPh sb="32" eb="33">
      <t>イ</t>
    </rPh>
    <rPh sb="42" eb="43">
      <t>オモ</t>
    </rPh>
    <phoneticPr fontId="16"/>
  </si>
  <si>
    <t>ケアマネに訪問看護の説明時使用</t>
    <rPh sb="5" eb="9">
      <t>ホウモンカンゴ</t>
    </rPh>
    <rPh sb="10" eb="12">
      <t>セツメイ</t>
    </rPh>
    <rPh sb="12" eb="13">
      <t>ジ</t>
    </rPh>
    <rPh sb="13" eb="15">
      <t>シヨウ</t>
    </rPh>
    <phoneticPr fontId="16"/>
  </si>
  <si>
    <t>4区分6行為（胃ろう、膀胱瘻カテ交換、気管カニューレ交換、感染管理、脱水、栄養管理）</t>
    <rPh sb="1" eb="3">
      <t>クブン</t>
    </rPh>
    <rPh sb="4" eb="6">
      <t>コウイ</t>
    </rPh>
    <rPh sb="7" eb="8">
      <t>イ</t>
    </rPh>
    <rPh sb="11" eb="14">
      <t>ボウコウロウ</t>
    </rPh>
    <rPh sb="16" eb="18">
      <t>コウカン</t>
    </rPh>
    <rPh sb="19" eb="21">
      <t>キカン</t>
    </rPh>
    <rPh sb="26" eb="28">
      <t>コウカン</t>
    </rPh>
    <rPh sb="29" eb="31">
      <t>カンセン</t>
    </rPh>
    <rPh sb="31" eb="33">
      <t>カンリ</t>
    </rPh>
    <rPh sb="34" eb="36">
      <t>ダッスイ</t>
    </rPh>
    <rPh sb="37" eb="39">
      <t>エイヨウ</t>
    </rPh>
    <rPh sb="39" eb="41">
      <t>カンリ</t>
    </rPh>
    <phoneticPr fontId="16"/>
  </si>
  <si>
    <t>病院、外来ナース、営業資料として</t>
    <rPh sb="0" eb="2">
      <t>ビョウイン</t>
    </rPh>
    <rPh sb="3" eb="5">
      <t>ガイライ</t>
    </rPh>
    <rPh sb="9" eb="11">
      <t>エイギョウ</t>
    </rPh>
    <rPh sb="11" eb="13">
      <t>シリョウ</t>
    </rPh>
    <phoneticPr fontId="16"/>
  </si>
  <si>
    <t>かわいい絵のチラシですが、訪問している看護師がチラシを配る時間がなかなかないように思います。</t>
    <rPh sb="4" eb="5">
      <t>エ</t>
    </rPh>
    <rPh sb="13" eb="15">
      <t>ホウモン</t>
    </rPh>
    <rPh sb="19" eb="22">
      <t>カンゴシ</t>
    </rPh>
    <rPh sb="27" eb="28">
      <t>クバ</t>
    </rPh>
    <rPh sb="29" eb="31">
      <t>ジカン</t>
    </rPh>
    <rPh sb="41" eb="42">
      <t>オモ</t>
    </rPh>
    <phoneticPr fontId="17"/>
  </si>
  <si>
    <t>訪問時、ご家族と面会の方に使用</t>
    <rPh sb="0" eb="2">
      <t>ホウモン</t>
    </rPh>
    <rPh sb="2" eb="3">
      <t>ジ</t>
    </rPh>
    <rPh sb="5" eb="7">
      <t>カゾク</t>
    </rPh>
    <rPh sb="8" eb="10">
      <t>メンカイ</t>
    </rPh>
    <rPh sb="11" eb="12">
      <t>カタ</t>
    </rPh>
    <rPh sb="13" eb="15">
      <t>シヨウ</t>
    </rPh>
    <phoneticPr fontId="16"/>
  </si>
  <si>
    <t>訪問看護に興味を持った方々に活用した</t>
    <rPh sb="0" eb="2">
      <t>ホウモン</t>
    </rPh>
    <rPh sb="2" eb="4">
      <t>カンゴ</t>
    </rPh>
    <rPh sb="5" eb="7">
      <t>キョウミ</t>
    </rPh>
    <rPh sb="8" eb="9">
      <t>モ</t>
    </rPh>
    <rPh sb="11" eb="13">
      <t>カタガタ</t>
    </rPh>
    <rPh sb="14" eb="16">
      <t>カツヨウ</t>
    </rPh>
    <phoneticPr fontId="16"/>
  </si>
  <si>
    <t>各居宅事業所に配布、院内（外来・エレベーター病棟）に掲示、パンフレットとして外来に設置</t>
    <rPh sb="0" eb="1">
      <t>カク</t>
    </rPh>
    <rPh sb="1" eb="3">
      <t>キョタク</t>
    </rPh>
    <rPh sb="3" eb="5">
      <t>ジギョウ</t>
    </rPh>
    <rPh sb="5" eb="6">
      <t>ショ</t>
    </rPh>
    <rPh sb="7" eb="9">
      <t>ハイフ</t>
    </rPh>
    <rPh sb="10" eb="12">
      <t>インナイ</t>
    </rPh>
    <rPh sb="13" eb="15">
      <t>ガイライ</t>
    </rPh>
    <rPh sb="22" eb="24">
      <t>ビョウトウ</t>
    </rPh>
    <rPh sb="26" eb="28">
      <t>ケイジ</t>
    </rPh>
    <rPh sb="38" eb="40">
      <t>ガイライ</t>
    </rPh>
    <rPh sb="41" eb="43">
      <t>セッチ</t>
    </rPh>
    <phoneticPr fontId="16"/>
  </si>
  <si>
    <t>誰が見てもわかりやすいチラシなので利用させていただいています</t>
    <rPh sb="0" eb="1">
      <t>ダレ</t>
    </rPh>
    <rPh sb="2" eb="3">
      <t>ミ</t>
    </rPh>
    <rPh sb="17" eb="19">
      <t>リヨウ</t>
    </rPh>
    <phoneticPr fontId="16"/>
  </si>
  <si>
    <t>訪問看護ステーション協議会非会員には紹介されないので、他社宣伝になるので、活用することはないと思います。</t>
    <rPh sb="0" eb="2">
      <t>ホウモン</t>
    </rPh>
    <rPh sb="2" eb="4">
      <t>カンゴ</t>
    </rPh>
    <rPh sb="10" eb="13">
      <t>キョウギカイ</t>
    </rPh>
    <rPh sb="13" eb="14">
      <t>ヒ</t>
    </rPh>
    <rPh sb="14" eb="16">
      <t>カイイン</t>
    </rPh>
    <rPh sb="18" eb="20">
      <t>ショウカイ</t>
    </rPh>
    <rPh sb="27" eb="29">
      <t>タシャ</t>
    </rPh>
    <rPh sb="29" eb="31">
      <t>センデン</t>
    </rPh>
    <rPh sb="37" eb="39">
      <t>カツヨウ</t>
    </rPh>
    <rPh sb="47" eb="48">
      <t>オモ</t>
    </rPh>
    <phoneticPr fontId="16"/>
  </si>
  <si>
    <t>３枚チラシはいずれも誰宛に作られているのかがわかりにくい。利用者向け、HP向けとそれぞれデザインを変える等工夫が必要</t>
    <rPh sb="1" eb="2">
      <t>マイ</t>
    </rPh>
    <rPh sb="10" eb="11">
      <t>ダレ</t>
    </rPh>
    <rPh sb="11" eb="12">
      <t>アテ</t>
    </rPh>
    <rPh sb="13" eb="14">
      <t>ツク</t>
    </rPh>
    <rPh sb="29" eb="32">
      <t>リヨウシャ</t>
    </rPh>
    <rPh sb="32" eb="33">
      <t>ム</t>
    </rPh>
    <rPh sb="37" eb="38">
      <t>ム</t>
    </rPh>
    <rPh sb="49" eb="50">
      <t>カ</t>
    </rPh>
    <rPh sb="52" eb="53">
      <t>ナド</t>
    </rPh>
    <rPh sb="53" eb="55">
      <t>クフウ</t>
    </rPh>
    <rPh sb="56" eb="58">
      <t>ヒツヨウ</t>
    </rPh>
    <phoneticPr fontId="16"/>
  </si>
  <si>
    <t>法人内病院3箇所に配布</t>
    <rPh sb="0" eb="5">
      <t>ホウジンナイビョウイン</t>
    </rPh>
    <rPh sb="6" eb="8">
      <t>カショ</t>
    </rPh>
    <rPh sb="9" eb="11">
      <t>ハイフ</t>
    </rPh>
    <phoneticPr fontId="16"/>
  </si>
  <si>
    <t>CMの会での講義、CMへサービス提供・実績送る際に郵送、市民講座</t>
    <rPh sb="3" eb="4">
      <t>カイ</t>
    </rPh>
    <rPh sb="6" eb="8">
      <t>コウギ</t>
    </rPh>
    <rPh sb="16" eb="18">
      <t>テイキョウ</t>
    </rPh>
    <rPh sb="19" eb="21">
      <t>ジッセキ</t>
    </rPh>
    <rPh sb="21" eb="22">
      <t>オク</t>
    </rPh>
    <rPh sb="23" eb="24">
      <t>サイ</t>
    </rPh>
    <rPh sb="25" eb="27">
      <t>ユウソウ</t>
    </rPh>
    <rPh sb="28" eb="30">
      <t>シミン</t>
    </rPh>
    <rPh sb="30" eb="32">
      <t>コウザ</t>
    </rPh>
    <phoneticPr fontId="16"/>
  </si>
  <si>
    <t>わかりやすくてよい,</t>
    <phoneticPr fontId="16"/>
  </si>
  <si>
    <t>ケアマネに渡した</t>
    <rPh sb="5" eb="6">
      <t>ワタ</t>
    </rPh>
    <phoneticPr fontId="16"/>
  </si>
  <si>
    <t>（問合せ先が）横浜のパンフレットなので、横須賀版があれば嬉しい</t>
    <rPh sb="1" eb="3">
      <t>トイアワ</t>
    </rPh>
    <rPh sb="4" eb="5">
      <t>サキ</t>
    </rPh>
    <rPh sb="7" eb="9">
      <t>ヨコハマ</t>
    </rPh>
    <rPh sb="20" eb="23">
      <t>ヨコスカ</t>
    </rPh>
    <rPh sb="23" eb="24">
      <t>バン</t>
    </rPh>
    <rPh sb="28" eb="29">
      <t>ウレ</t>
    </rPh>
    <phoneticPr fontId="16"/>
  </si>
  <si>
    <t>地域の町内の住民、民生委員、当社に出入りする医療介護外の多職種業者</t>
    <rPh sb="0" eb="2">
      <t>チイキ</t>
    </rPh>
    <rPh sb="3" eb="5">
      <t>チョウナイ</t>
    </rPh>
    <rPh sb="6" eb="8">
      <t>ジュウミン</t>
    </rPh>
    <rPh sb="9" eb="11">
      <t>ミンセイ</t>
    </rPh>
    <rPh sb="11" eb="13">
      <t>イイン</t>
    </rPh>
    <rPh sb="14" eb="16">
      <t>トウシャ</t>
    </rPh>
    <rPh sb="17" eb="19">
      <t>デイ</t>
    </rPh>
    <rPh sb="22" eb="24">
      <t>イリョウ</t>
    </rPh>
    <rPh sb="24" eb="26">
      <t>カイゴ</t>
    </rPh>
    <rPh sb="26" eb="27">
      <t>ガイ</t>
    </rPh>
    <rPh sb="28" eb="29">
      <t>タ</t>
    </rPh>
    <rPh sb="29" eb="31">
      <t>ショクシュ</t>
    </rPh>
    <rPh sb="31" eb="33">
      <t>ギョウシャ</t>
    </rPh>
    <phoneticPr fontId="16"/>
  </si>
  <si>
    <t>とても見やすく説明する際わかってもらいやすい</t>
    <rPh sb="3" eb="4">
      <t>ミ</t>
    </rPh>
    <rPh sb="7" eb="9">
      <t>セツメイ</t>
    </rPh>
    <rPh sb="11" eb="12">
      <t>サイ</t>
    </rPh>
    <phoneticPr fontId="16"/>
  </si>
  <si>
    <t>職場内での共通理解の資料として</t>
    <rPh sb="0" eb="2">
      <t>ショクバ</t>
    </rPh>
    <rPh sb="2" eb="3">
      <t>ナイ</t>
    </rPh>
    <rPh sb="5" eb="7">
      <t>キョウツウ</t>
    </rPh>
    <rPh sb="7" eb="9">
      <t>リカイ</t>
    </rPh>
    <rPh sb="10" eb="12">
      <t>シリョウ</t>
    </rPh>
    <phoneticPr fontId="16"/>
  </si>
  <si>
    <t>利用者、ご家族の方々が理解、導入しやすいパンフレットと思います。</t>
    <rPh sb="0" eb="3">
      <t>リヨウシャ</t>
    </rPh>
    <rPh sb="5" eb="7">
      <t>カゾク</t>
    </rPh>
    <rPh sb="8" eb="10">
      <t>カタガタ</t>
    </rPh>
    <rPh sb="11" eb="13">
      <t>リカイ</t>
    </rPh>
    <rPh sb="14" eb="16">
      <t>ドウニュウ</t>
    </rPh>
    <rPh sb="27" eb="28">
      <t>オモ</t>
    </rPh>
    <phoneticPr fontId="16"/>
  </si>
  <si>
    <t>職場の居宅の職員、同法人の病院の職員に（会議の席で）</t>
    <rPh sb="0" eb="2">
      <t>ショクバ</t>
    </rPh>
    <rPh sb="3" eb="5">
      <t>キョタク</t>
    </rPh>
    <rPh sb="6" eb="8">
      <t>ショクイン</t>
    </rPh>
    <rPh sb="9" eb="10">
      <t>ドウ</t>
    </rPh>
    <rPh sb="10" eb="12">
      <t>ホウジン</t>
    </rPh>
    <rPh sb="13" eb="15">
      <t>ビョウイン</t>
    </rPh>
    <rPh sb="16" eb="18">
      <t>ショクイン</t>
    </rPh>
    <rPh sb="20" eb="22">
      <t>カイギ</t>
    </rPh>
    <rPh sb="23" eb="24">
      <t>セキ</t>
    </rPh>
    <phoneticPr fontId="16"/>
  </si>
  <si>
    <t>地域での講習会でご利用者様・法人内ケアマネに使用</t>
    <rPh sb="0" eb="2">
      <t>チイキ</t>
    </rPh>
    <rPh sb="4" eb="7">
      <t>コウシュウカイ</t>
    </rPh>
    <rPh sb="9" eb="11">
      <t>リヨウ</t>
    </rPh>
    <rPh sb="11" eb="12">
      <t>シャ</t>
    </rPh>
    <rPh sb="12" eb="13">
      <t>サマ</t>
    </rPh>
    <rPh sb="14" eb="16">
      <t>ホウジン</t>
    </rPh>
    <rPh sb="16" eb="17">
      <t>ナイ</t>
    </rPh>
    <rPh sb="22" eb="24">
      <t>シヨウ</t>
    </rPh>
    <phoneticPr fontId="16"/>
  </si>
  <si>
    <t>ケアマネージャー向け</t>
    <rPh sb="8" eb="9">
      <t>ム</t>
    </rPh>
    <phoneticPr fontId="16"/>
  </si>
  <si>
    <t>ステーションの取り組みが知れてよい。</t>
    <rPh sb="7" eb="8">
      <t>ト</t>
    </rPh>
    <rPh sb="9" eb="10">
      <t>ク</t>
    </rPh>
    <rPh sb="12" eb="13">
      <t>シ</t>
    </rPh>
    <phoneticPr fontId="16"/>
  </si>
  <si>
    <t>近隣のクリニックにチラシを置いてもらった</t>
    <rPh sb="0" eb="2">
      <t>キンリン</t>
    </rPh>
    <rPh sb="13" eb="14">
      <t>オ</t>
    </rPh>
    <phoneticPr fontId="16"/>
  </si>
  <si>
    <t>居宅事業所に挨拶に行った際、ケアマネ用を使用</t>
    <rPh sb="0" eb="4">
      <t>キョタクジギョウ</t>
    </rPh>
    <rPh sb="4" eb="5">
      <t>ショ</t>
    </rPh>
    <rPh sb="6" eb="8">
      <t>アイサツ</t>
    </rPh>
    <rPh sb="9" eb="10">
      <t>イ</t>
    </rPh>
    <rPh sb="12" eb="13">
      <t>サイ</t>
    </rPh>
    <rPh sb="18" eb="19">
      <t>ヨウ</t>
    </rPh>
    <rPh sb="20" eb="22">
      <t>シヨウ</t>
    </rPh>
    <phoneticPr fontId="16"/>
  </si>
  <si>
    <t>有料でもいいので掲示できるポスターを希望いたします。</t>
    <rPh sb="0" eb="2">
      <t>ユウリョウ</t>
    </rPh>
    <rPh sb="8" eb="10">
      <t>ケイジ</t>
    </rPh>
    <rPh sb="18" eb="20">
      <t>キボウ</t>
    </rPh>
    <phoneticPr fontId="16"/>
  </si>
  <si>
    <t>ケアマネとの顔合わせの際活用</t>
    <rPh sb="6" eb="8">
      <t>カオア</t>
    </rPh>
    <rPh sb="11" eb="12">
      <t>サイ</t>
    </rPh>
    <rPh sb="12" eb="14">
      <t>カツヨウ</t>
    </rPh>
    <phoneticPr fontId="16"/>
  </si>
  <si>
    <t>ケアマネージャーに対して訪問看護利用について説明</t>
    <rPh sb="9" eb="10">
      <t>タイ</t>
    </rPh>
    <rPh sb="12" eb="14">
      <t>ホウモン</t>
    </rPh>
    <rPh sb="14" eb="16">
      <t>カンゴ</t>
    </rPh>
    <rPh sb="16" eb="18">
      <t>リヨウ</t>
    </rPh>
    <rPh sb="22" eb="24">
      <t>セツメイ</t>
    </rPh>
    <phoneticPr fontId="16"/>
  </si>
  <si>
    <t>毎月ケアマネージャーに実績や報告書を渡す際に直接手渡し。その他、新しい居宅事業所へも配布。</t>
    <rPh sb="0" eb="2">
      <t>マイツキ</t>
    </rPh>
    <rPh sb="11" eb="13">
      <t>ジッセキ</t>
    </rPh>
    <rPh sb="14" eb="17">
      <t>ホウコクショ</t>
    </rPh>
    <rPh sb="18" eb="19">
      <t>ワタ</t>
    </rPh>
    <rPh sb="20" eb="21">
      <t>サイ</t>
    </rPh>
    <rPh sb="22" eb="24">
      <t>チョクセツ</t>
    </rPh>
    <rPh sb="24" eb="26">
      <t>テワタ</t>
    </rPh>
    <rPh sb="30" eb="31">
      <t>タ</t>
    </rPh>
    <rPh sb="32" eb="33">
      <t>アタラ</t>
    </rPh>
    <rPh sb="35" eb="37">
      <t>キョタク</t>
    </rPh>
    <rPh sb="37" eb="40">
      <t>ジギョウショ</t>
    </rPh>
    <rPh sb="42" eb="44">
      <t>ハイフ</t>
    </rPh>
    <phoneticPr fontId="16"/>
  </si>
  <si>
    <t>居宅ケアマネージャーに訪問看護ステーションの紹介をする時に使用</t>
    <rPh sb="0" eb="2">
      <t>キョタク</t>
    </rPh>
    <rPh sb="11" eb="13">
      <t>ホウモン</t>
    </rPh>
    <rPh sb="13" eb="15">
      <t>カンゴ</t>
    </rPh>
    <rPh sb="22" eb="24">
      <t>ショウカイ</t>
    </rPh>
    <rPh sb="27" eb="28">
      <t>トキ</t>
    </rPh>
    <rPh sb="29" eb="31">
      <t>シヨウ</t>
    </rPh>
    <phoneticPr fontId="16"/>
  </si>
  <si>
    <t>事業所前に掲示、イベント</t>
    <rPh sb="0" eb="3">
      <t>ジギョウショ</t>
    </rPh>
    <rPh sb="3" eb="4">
      <t>マエ</t>
    </rPh>
    <rPh sb="5" eb="7">
      <t>ケイジ</t>
    </rPh>
    <phoneticPr fontId="16"/>
  </si>
  <si>
    <t>講師の立場（看護学校・病院・地域勉強会等）</t>
    <rPh sb="0" eb="2">
      <t>コウシ</t>
    </rPh>
    <rPh sb="3" eb="5">
      <t>タチバ</t>
    </rPh>
    <rPh sb="6" eb="8">
      <t>カンゴ</t>
    </rPh>
    <rPh sb="8" eb="10">
      <t>ガッコウ</t>
    </rPh>
    <rPh sb="11" eb="13">
      <t>ビョウイン</t>
    </rPh>
    <rPh sb="14" eb="16">
      <t>チイキ</t>
    </rPh>
    <rPh sb="16" eb="19">
      <t>ベンキョウカイ</t>
    </rPh>
    <rPh sb="19" eb="20">
      <t>ナド</t>
    </rPh>
    <phoneticPr fontId="16"/>
  </si>
  <si>
    <t>当STでは独自のものを作成しているが、こちらのチラシも内容がわかりやすくとても参考になる</t>
    <rPh sb="0" eb="1">
      <t>トウ</t>
    </rPh>
    <rPh sb="5" eb="7">
      <t>ドクジ</t>
    </rPh>
    <rPh sb="11" eb="13">
      <t>サクセイ</t>
    </rPh>
    <rPh sb="27" eb="29">
      <t>ナイヨウ</t>
    </rPh>
    <rPh sb="39" eb="41">
      <t>サンコウ</t>
    </rPh>
    <phoneticPr fontId="16"/>
  </si>
  <si>
    <t>居宅介護支援事業所から研修を依頼された時訪問看護導入のめやすを使用した</t>
    <rPh sb="0" eb="2">
      <t>キョタク</t>
    </rPh>
    <rPh sb="2" eb="4">
      <t>カイゴ</t>
    </rPh>
    <rPh sb="4" eb="6">
      <t>シエン</t>
    </rPh>
    <rPh sb="6" eb="8">
      <t>ジギョウ</t>
    </rPh>
    <rPh sb="8" eb="9">
      <t>ショ</t>
    </rPh>
    <rPh sb="11" eb="13">
      <t>ケンシュウ</t>
    </rPh>
    <rPh sb="14" eb="16">
      <t>イライ</t>
    </rPh>
    <rPh sb="19" eb="20">
      <t>トキ</t>
    </rPh>
    <rPh sb="20" eb="22">
      <t>ホウモン</t>
    </rPh>
    <rPh sb="22" eb="24">
      <t>カンゴ</t>
    </rPh>
    <rPh sb="24" eb="26">
      <t>ドウニュウ</t>
    </rPh>
    <rPh sb="31" eb="33">
      <t>シヨウ</t>
    </rPh>
    <phoneticPr fontId="16"/>
  </si>
  <si>
    <t>チラシについてのお知らせをいただいた際にケアマネージャーと退院支援看護師へPRしました。</t>
    <rPh sb="9" eb="10">
      <t>シ</t>
    </rPh>
    <rPh sb="18" eb="19">
      <t>サイ</t>
    </rPh>
    <rPh sb="29" eb="31">
      <t>タイイン</t>
    </rPh>
    <rPh sb="31" eb="33">
      <t>シエン</t>
    </rPh>
    <rPh sb="33" eb="36">
      <t>カンゴシ</t>
    </rPh>
    <phoneticPr fontId="16"/>
  </si>
  <si>
    <t>平塚市介護システム会議</t>
    <rPh sb="0" eb="3">
      <t>ヒラツカシ</t>
    </rPh>
    <rPh sb="3" eb="5">
      <t>カイゴ</t>
    </rPh>
    <rPh sb="9" eb="11">
      <t>カイギ</t>
    </rPh>
    <phoneticPr fontId="16"/>
  </si>
  <si>
    <t>学生指導、ケアマネへの説明等</t>
    <rPh sb="0" eb="2">
      <t>ガクセイ</t>
    </rPh>
    <rPh sb="2" eb="4">
      <t>シドウ</t>
    </rPh>
    <rPh sb="11" eb="13">
      <t>セツメイ</t>
    </rPh>
    <rPh sb="13" eb="14">
      <t>ナド</t>
    </rPh>
    <phoneticPr fontId="16"/>
  </si>
  <si>
    <t>必要に応じ、ステーションで説明している</t>
    <rPh sb="0" eb="2">
      <t>ヒツヨウ</t>
    </rPh>
    <rPh sb="3" eb="4">
      <t>オウ</t>
    </rPh>
    <rPh sb="13" eb="15">
      <t>セツメイ</t>
    </rPh>
    <phoneticPr fontId="16"/>
  </si>
  <si>
    <t>併設居宅のケアマネに説明使用</t>
    <rPh sb="0" eb="2">
      <t>ヘイセツ</t>
    </rPh>
    <rPh sb="2" eb="4">
      <t>キョタク</t>
    </rPh>
    <rPh sb="10" eb="12">
      <t>セツメイ</t>
    </rPh>
    <rPh sb="12" eb="14">
      <t>シヨウ</t>
    </rPh>
    <phoneticPr fontId="16"/>
  </si>
  <si>
    <t>朝礼</t>
    <rPh sb="0" eb="2">
      <t>チョウレイ</t>
    </rPh>
    <phoneticPr fontId="16"/>
  </si>
  <si>
    <t>ステーション開設時、同様のチラシを作り、ケアマネージャー向け、一般の方に向けて配布したことはある。</t>
    <rPh sb="6" eb="8">
      <t>カイセツ</t>
    </rPh>
    <rPh sb="8" eb="9">
      <t>ジ</t>
    </rPh>
    <rPh sb="10" eb="12">
      <t>ドウヨウ</t>
    </rPh>
    <rPh sb="17" eb="18">
      <t>ツク</t>
    </rPh>
    <rPh sb="28" eb="29">
      <t>ム</t>
    </rPh>
    <rPh sb="31" eb="33">
      <t>イッパン</t>
    </rPh>
    <rPh sb="34" eb="35">
      <t>カタ</t>
    </rPh>
    <rPh sb="36" eb="37">
      <t>ム</t>
    </rPh>
    <rPh sb="39" eb="41">
      <t>ハイフ</t>
    </rPh>
    <phoneticPr fontId="16"/>
  </si>
  <si>
    <t>新規利用者（病院から退院する方）</t>
    <rPh sb="0" eb="2">
      <t>シンキ</t>
    </rPh>
    <rPh sb="2" eb="5">
      <t>リヨウシャ</t>
    </rPh>
    <rPh sb="6" eb="8">
      <t>ビョウイン</t>
    </rPh>
    <rPh sb="10" eb="12">
      <t>タイイン</t>
    </rPh>
    <rPh sb="14" eb="15">
      <t>カタ</t>
    </rPh>
    <phoneticPr fontId="16"/>
  </si>
  <si>
    <t>病院等営業・学生指導時の資料として</t>
    <rPh sb="0" eb="2">
      <t>ビョウイン</t>
    </rPh>
    <rPh sb="2" eb="3">
      <t>ナド</t>
    </rPh>
    <rPh sb="3" eb="5">
      <t>エイギョウ</t>
    </rPh>
    <rPh sb="6" eb="8">
      <t>ガクセイ</t>
    </rPh>
    <rPh sb="8" eb="10">
      <t>シドウ</t>
    </rPh>
    <rPh sb="10" eb="11">
      <t>ジ</t>
    </rPh>
    <rPh sb="12" eb="14">
      <t>シリョウ</t>
    </rPh>
    <phoneticPr fontId="16"/>
  </si>
  <si>
    <t>法人内病院スタッフへの訪問看護周知勉強会、利用者への訪問看護説明</t>
    <rPh sb="0" eb="2">
      <t>ホウジン</t>
    </rPh>
    <rPh sb="2" eb="3">
      <t>ナイ</t>
    </rPh>
    <rPh sb="3" eb="5">
      <t>ビョウイン</t>
    </rPh>
    <rPh sb="11" eb="13">
      <t>ホウモン</t>
    </rPh>
    <rPh sb="13" eb="15">
      <t>カンゴ</t>
    </rPh>
    <rPh sb="15" eb="17">
      <t>シュウチ</t>
    </rPh>
    <rPh sb="17" eb="20">
      <t>ベンキョウカイ</t>
    </rPh>
    <rPh sb="21" eb="24">
      <t>リヨウシャ</t>
    </rPh>
    <rPh sb="26" eb="28">
      <t>ホウモン</t>
    </rPh>
    <rPh sb="28" eb="30">
      <t>カンゴ</t>
    </rPh>
    <rPh sb="30" eb="32">
      <t>セツメイ</t>
    </rPh>
    <phoneticPr fontId="16"/>
  </si>
  <si>
    <t>開業医の医師への周知パンフレットがあると良いなと思っている</t>
    <rPh sb="0" eb="3">
      <t>カイギョウイ</t>
    </rPh>
    <rPh sb="4" eb="6">
      <t>イシ</t>
    </rPh>
    <rPh sb="8" eb="10">
      <t>シュウチ</t>
    </rPh>
    <rPh sb="20" eb="21">
      <t>ヨ</t>
    </rPh>
    <rPh sb="24" eb="25">
      <t>オモ</t>
    </rPh>
    <phoneticPr fontId="16"/>
  </si>
  <si>
    <t>地域包括支援センターでの研修で配布</t>
    <rPh sb="0" eb="6">
      <t>チイキホウカツシエン</t>
    </rPh>
    <rPh sb="12" eb="14">
      <t>ケンシュウ</t>
    </rPh>
    <rPh sb="15" eb="17">
      <t>ハイフ</t>
    </rPh>
    <phoneticPr fontId="16"/>
  </si>
  <si>
    <t>訪問看護ステーションの営業活動の際、コピーして持参した。</t>
    <rPh sb="0" eb="2">
      <t>ホウモン</t>
    </rPh>
    <rPh sb="2" eb="4">
      <t>カンゴ</t>
    </rPh>
    <rPh sb="11" eb="13">
      <t>エイギョウ</t>
    </rPh>
    <rPh sb="13" eb="15">
      <t>カツドウ</t>
    </rPh>
    <rPh sb="16" eb="17">
      <t>サイ</t>
    </rPh>
    <rPh sb="23" eb="25">
      <t>ジサン</t>
    </rPh>
    <phoneticPr fontId="16"/>
  </si>
  <si>
    <t>事業所の入り口に貼っている</t>
    <rPh sb="0" eb="3">
      <t>ジギョウショ</t>
    </rPh>
    <rPh sb="4" eb="5">
      <t>イ</t>
    </rPh>
    <rPh sb="6" eb="7">
      <t>グチ</t>
    </rPh>
    <rPh sb="8" eb="9">
      <t>ハ</t>
    </rPh>
    <phoneticPr fontId="16"/>
  </si>
  <si>
    <t>研修等でいただける時は頂いている。大変活用しやすくたすかっている</t>
    <rPh sb="0" eb="2">
      <t>ケンシュウ</t>
    </rPh>
    <rPh sb="2" eb="3">
      <t>ナド</t>
    </rPh>
    <rPh sb="9" eb="10">
      <t>トキ</t>
    </rPh>
    <rPh sb="11" eb="12">
      <t>イタダキ</t>
    </rPh>
    <rPh sb="17" eb="19">
      <t>タイヘン</t>
    </rPh>
    <rPh sb="19" eb="21">
      <t>カツヨウ</t>
    </rPh>
    <phoneticPr fontId="16"/>
  </si>
  <si>
    <t>市民講座で一般参加者</t>
    <rPh sb="0" eb="2">
      <t>シミン</t>
    </rPh>
    <rPh sb="2" eb="4">
      <t>コウザ</t>
    </rPh>
    <rPh sb="5" eb="7">
      <t>イッパン</t>
    </rPh>
    <rPh sb="7" eb="10">
      <t>サンカシャ</t>
    </rPh>
    <phoneticPr fontId="16"/>
  </si>
  <si>
    <t>難病担当の保健師にお渡ししました。</t>
    <rPh sb="0" eb="2">
      <t>ナンビョウ</t>
    </rPh>
    <rPh sb="2" eb="4">
      <t>タントウ</t>
    </rPh>
    <rPh sb="5" eb="8">
      <t>ホケンシ</t>
    </rPh>
    <rPh sb="10" eb="11">
      <t>ワタ</t>
    </rPh>
    <phoneticPr fontId="16"/>
  </si>
  <si>
    <t>利用者や支援者への説明に活用したい部分が多くあった</t>
    <rPh sb="0" eb="3">
      <t>リヨウシャ</t>
    </rPh>
    <rPh sb="4" eb="7">
      <t>シエンシャ</t>
    </rPh>
    <rPh sb="9" eb="11">
      <t>セツメイ</t>
    </rPh>
    <rPh sb="12" eb="14">
      <t>カツヨウ</t>
    </rPh>
    <rPh sb="17" eb="19">
      <t>ブブン</t>
    </rPh>
    <rPh sb="20" eb="21">
      <t>オオ</t>
    </rPh>
    <phoneticPr fontId="16"/>
  </si>
  <si>
    <t>サービス担当者会議にてケアマネに渡した。</t>
    <rPh sb="4" eb="7">
      <t>タントウシャ</t>
    </rPh>
    <rPh sb="7" eb="9">
      <t>カイギ</t>
    </rPh>
    <rPh sb="16" eb="17">
      <t>ワタ</t>
    </rPh>
    <phoneticPr fontId="16"/>
  </si>
  <si>
    <t>近隣の公立病院の患者サポートセンターに渡した。担当ケアマネに渡した。</t>
    <rPh sb="0" eb="2">
      <t>キンリン</t>
    </rPh>
    <rPh sb="3" eb="5">
      <t>コウリツ</t>
    </rPh>
    <rPh sb="5" eb="7">
      <t>ビョウイン</t>
    </rPh>
    <rPh sb="8" eb="10">
      <t>カンジャ</t>
    </rPh>
    <rPh sb="19" eb="20">
      <t>ワタ</t>
    </rPh>
    <rPh sb="23" eb="25">
      <t>タントウ</t>
    </rPh>
    <rPh sb="30" eb="31">
      <t>ワタ</t>
    </rPh>
    <phoneticPr fontId="16"/>
  </si>
  <si>
    <t>初めて利用しようか…考えている人に向けての内容としてわかりやすいです。</t>
    <rPh sb="0" eb="1">
      <t>ハジ</t>
    </rPh>
    <rPh sb="3" eb="5">
      <t>リヨウ</t>
    </rPh>
    <rPh sb="10" eb="11">
      <t>カンガ</t>
    </rPh>
    <rPh sb="15" eb="16">
      <t>ヒト</t>
    </rPh>
    <rPh sb="17" eb="18">
      <t>ム</t>
    </rPh>
    <rPh sb="21" eb="23">
      <t>ナイヨウ</t>
    </rPh>
    <phoneticPr fontId="16"/>
  </si>
  <si>
    <t>営業活動時にチラシの説明を行った。</t>
    <rPh sb="0" eb="2">
      <t>エイギョウ</t>
    </rPh>
    <rPh sb="2" eb="4">
      <t>カツドウ</t>
    </rPh>
    <rPh sb="4" eb="5">
      <t>ジ</t>
    </rPh>
    <rPh sb="10" eb="12">
      <t>セツメイ</t>
    </rPh>
    <rPh sb="13" eb="14">
      <t>オコナ</t>
    </rPh>
    <phoneticPr fontId="16"/>
  </si>
  <si>
    <t>神奈川県の広報などに折込して、一般の方にもっと知ってほしい。</t>
    <rPh sb="0" eb="4">
      <t>カナガワケン</t>
    </rPh>
    <rPh sb="5" eb="7">
      <t>コウホウ</t>
    </rPh>
    <rPh sb="10" eb="12">
      <t>オリコミ</t>
    </rPh>
    <rPh sb="15" eb="17">
      <t>イッパン</t>
    </rPh>
    <rPh sb="18" eb="19">
      <t>カタ</t>
    </rPh>
    <rPh sb="23" eb="24">
      <t>シ</t>
    </rPh>
    <phoneticPr fontId="16"/>
  </si>
  <si>
    <t>チラシは近隣研修会でいただきましたが、活用方法がわからずいました。</t>
    <rPh sb="4" eb="6">
      <t>キンリン</t>
    </rPh>
    <rPh sb="6" eb="9">
      <t>ケンシュウカイ</t>
    </rPh>
    <rPh sb="19" eb="21">
      <t>カツヨウ</t>
    </rPh>
    <rPh sb="21" eb="23">
      <t>ホウホウ</t>
    </rPh>
    <phoneticPr fontId="16"/>
  </si>
  <si>
    <t>ケアマネージャーや看護師向けの研修で配布　退院調整看護師への案内</t>
    <rPh sb="9" eb="12">
      <t>カンゴシ</t>
    </rPh>
    <rPh sb="12" eb="13">
      <t>ム</t>
    </rPh>
    <rPh sb="15" eb="17">
      <t>ケンシュウ</t>
    </rPh>
    <rPh sb="18" eb="20">
      <t>ハイフ</t>
    </rPh>
    <rPh sb="21" eb="23">
      <t>タイイン</t>
    </rPh>
    <rPh sb="23" eb="25">
      <t>チョウセイ</t>
    </rPh>
    <rPh sb="25" eb="28">
      <t>カンゴシ</t>
    </rPh>
    <rPh sb="30" eb="32">
      <t>アンナイ</t>
    </rPh>
    <phoneticPr fontId="16"/>
  </si>
  <si>
    <t>ケアマネ研修時</t>
    <rPh sb="4" eb="6">
      <t>ケンシュウ</t>
    </rPh>
    <rPh sb="6" eb="7">
      <t>ジ</t>
    </rPh>
    <phoneticPr fontId="16"/>
  </si>
  <si>
    <t>今後ぜひ活用したい</t>
    <rPh sb="0" eb="2">
      <t>コンゴ</t>
    </rPh>
    <rPh sb="4" eb="6">
      <t>カツヨウ</t>
    </rPh>
    <phoneticPr fontId="16"/>
  </si>
  <si>
    <t>一般向け：地域のワークショップで研修資料と共に配布、医療機関：退院調整看護師に病院訪問時に配布、ケアマネ：ケアマネに毎月実績報告時に配布</t>
    <rPh sb="0" eb="2">
      <t>イッパン</t>
    </rPh>
    <rPh sb="2" eb="3">
      <t>ム</t>
    </rPh>
    <rPh sb="5" eb="7">
      <t>チイキ</t>
    </rPh>
    <rPh sb="16" eb="18">
      <t>ケンシュウ</t>
    </rPh>
    <rPh sb="18" eb="20">
      <t>シリョウ</t>
    </rPh>
    <rPh sb="21" eb="22">
      <t>トモ</t>
    </rPh>
    <rPh sb="23" eb="25">
      <t>ハイフ</t>
    </rPh>
    <rPh sb="26" eb="28">
      <t>イリョウ</t>
    </rPh>
    <rPh sb="28" eb="30">
      <t>キカン</t>
    </rPh>
    <rPh sb="31" eb="33">
      <t>タイイン</t>
    </rPh>
    <rPh sb="33" eb="35">
      <t>チョウセイ</t>
    </rPh>
    <rPh sb="35" eb="38">
      <t>カンゴシ</t>
    </rPh>
    <rPh sb="39" eb="41">
      <t>ビョウイン</t>
    </rPh>
    <rPh sb="41" eb="43">
      <t>ホウモン</t>
    </rPh>
    <rPh sb="43" eb="44">
      <t>ジ</t>
    </rPh>
    <rPh sb="45" eb="47">
      <t>ハイフ</t>
    </rPh>
    <rPh sb="58" eb="60">
      <t>マイツキ</t>
    </rPh>
    <rPh sb="60" eb="62">
      <t>ジッセキ</t>
    </rPh>
    <rPh sb="62" eb="64">
      <t>ホウコク</t>
    </rPh>
    <rPh sb="64" eb="65">
      <t>ジ</t>
    </rPh>
    <rPh sb="66" eb="68">
      <t>ハイフ</t>
    </rPh>
    <phoneticPr fontId="16"/>
  </si>
  <si>
    <t>ケアマネ説明に利用しようとしたところ、すでに持っているとのことだった</t>
    <rPh sb="4" eb="6">
      <t>セツメイ</t>
    </rPh>
    <rPh sb="7" eb="9">
      <t>リヨウ</t>
    </rPh>
    <rPh sb="22" eb="23">
      <t>モ</t>
    </rPh>
    <phoneticPr fontId="16"/>
  </si>
  <si>
    <t>社協や包括・行政窓口にあると良いと思う</t>
    <rPh sb="0" eb="2">
      <t>シャキョウ</t>
    </rPh>
    <rPh sb="3" eb="5">
      <t>ホウカツ</t>
    </rPh>
    <rPh sb="6" eb="8">
      <t>ギョウセイ</t>
    </rPh>
    <rPh sb="8" eb="10">
      <t>マドグチ</t>
    </rPh>
    <rPh sb="14" eb="15">
      <t>ヨ</t>
    </rPh>
    <rPh sb="17" eb="18">
      <t>オモ</t>
    </rPh>
    <phoneticPr fontId="16"/>
  </si>
  <si>
    <t>特に病院で、何の為に訪問看護が必要で、指示書を何と書けばよいか問い合わせがある。私達も新規でお会いしたことがない方なので言いようがなく、このチラシにチェックを行い受診時にDrにお願いするとよい</t>
    <rPh sb="0" eb="1">
      <t>トク</t>
    </rPh>
    <rPh sb="2" eb="4">
      <t>ビョウイン</t>
    </rPh>
    <rPh sb="6" eb="7">
      <t>ナン</t>
    </rPh>
    <rPh sb="8" eb="9">
      <t>タメ</t>
    </rPh>
    <rPh sb="10" eb="14">
      <t>ホウモンカンゴ</t>
    </rPh>
    <rPh sb="15" eb="17">
      <t>ヒツヨウ</t>
    </rPh>
    <rPh sb="19" eb="22">
      <t>シジショ</t>
    </rPh>
    <rPh sb="23" eb="24">
      <t>ナン</t>
    </rPh>
    <rPh sb="25" eb="26">
      <t>カ</t>
    </rPh>
    <rPh sb="31" eb="32">
      <t>ト</t>
    </rPh>
    <rPh sb="33" eb="34">
      <t>ア</t>
    </rPh>
    <rPh sb="40" eb="42">
      <t>ワタシタチ</t>
    </rPh>
    <rPh sb="43" eb="45">
      <t>シンキ</t>
    </rPh>
    <rPh sb="47" eb="48">
      <t>ア</t>
    </rPh>
    <rPh sb="56" eb="57">
      <t>カタ</t>
    </rPh>
    <rPh sb="60" eb="61">
      <t>イ</t>
    </rPh>
    <rPh sb="79" eb="80">
      <t>オコナ</t>
    </rPh>
    <rPh sb="81" eb="83">
      <t>ジュシン</t>
    </rPh>
    <rPh sb="83" eb="84">
      <t>ジ</t>
    </rPh>
    <rPh sb="89" eb="90">
      <t>ネガ</t>
    </rPh>
    <phoneticPr fontId="16"/>
  </si>
  <si>
    <t>利用者様のご家族へお渡ししました。</t>
    <rPh sb="0" eb="3">
      <t>リヨウシャ</t>
    </rPh>
    <rPh sb="3" eb="4">
      <t>サマ</t>
    </rPh>
    <rPh sb="6" eb="8">
      <t>カゾク</t>
    </rPh>
    <rPh sb="10" eb="11">
      <t>ワタ</t>
    </rPh>
    <phoneticPr fontId="16"/>
  </si>
  <si>
    <t>横浜にしか使えないチラシはいらない　地域に合ったチラシやポスターもほしい</t>
    <rPh sb="0" eb="2">
      <t>ヨコハマ</t>
    </rPh>
    <rPh sb="5" eb="6">
      <t>ツカ</t>
    </rPh>
    <rPh sb="18" eb="20">
      <t>チイキ</t>
    </rPh>
    <rPh sb="21" eb="22">
      <t>ア</t>
    </rPh>
    <phoneticPr fontId="16"/>
  </si>
  <si>
    <t>診療所の事務長に事業所パンフレットと一緒に渡した</t>
    <rPh sb="0" eb="3">
      <t>シンリョウジョ</t>
    </rPh>
    <rPh sb="4" eb="7">
      <t>ジムチョウ</t>
    </rPh>
    <rPh sb="8" eb="11">
      <t>ジギョウショ</t>
    </rPh>
    <rPh sb="18" eb="20">
      <t>イッショ</t>
    </rPh>
    <rPh sb="21" eb="22">
      <t>ワタ</t>
    </rPh>
    <phoneticPr fontId="16"/>
  </si>
  <si>
    <t>訪問看護サービス導入の目安は活用させていただきたいです。</t>
    <rPh sb="0" eb="2">
      <t>ホウモン</t>
    </rPh>
    <rPh sb="2" eb="4">
      <t>カンゴ</t>
    </rPh>
    <rPh sb="8" eb="10">
      <t>ドウニュウ</t>
    </rPh>
    <rPh sb="11" eb="13">
      <t>メヤス</t>
    </rPh>
    <rPh sb="14" eb="16">
      <t>カツヨウ</t>
    </rPh>
    <phoneticPr fontId="16"/>
  </si>
  <si>
    <t>利用を考えている方に参考にと配布。資料として参考にさせていただいた。</t>
    <rPh sb="0" eb="2">
      <t>リヨウ</t>
    </rPh>
    <rPh sb="3" eb="4">
      <t>カンガ</t>
    </rPh>
    <rPh sb="8" eb="9">
      <t>カタ</t>
    </rPh>
    <rPh sb="10" eb="12">
      <t>サンコウ</t>
    </rPh>
    <rPh sb="14" eb="16">
      <t>ハイフ</t>
    </rPh>
    <rPh sb="17" eb="19">
      <t>シリョウ</t>
    </rPh>
    <rPh sb="22" eb="24">
      <t>サンコウ</t>
    </rPh>
    <phoneticPr fontId="16"/>
  </si>
  <si>
    <t>経験年数</t>
    <rPh sb="0" eb="2">
      <t>ケイケン</t>
    </rPh>
    <rPh sb="2" eb="4">
      <t>ネンスウ</t>
    </rPh>
    <phoneticPr fontId="1"/>
  </si>
  <si>
    <t>～499</t>
    <phoneticPr fontId="1"/>
  </si>
  <si>
    <t>最大40,600件　　平均5,797.5件</t>
    <rPh sb="0" eb="2">
      <t>サイダイ</t>
    </rPh>
    <rPh sb="8" eb="9">
      <t>ケン</t>
    </rPh>
    <rPh sb="11" eb="13">
      <t>ヘイキン</t>
    </rPh>
    <rPh sb="20" eb="21">
      <t>ケン</t>
    </rPh>
    <phoneticPr fontId="1"/>
  </si>
  <si>
    <t>営業</t>
    <rPh sb="0" eb="2">
      <t>エイギョウ</t>
    </rPh>
    <phoneticPr fontId="1"/>
  </si>
  <si>
    <t>１）チラシを知っているか</t>
    <rPh sb="6" eb="7">
      <t>シ</t>
    </rPh>
    <phoneticPr fontId="1"/>
  </si>
  <si>
    <t>２）「知っている」と答えた施設に対して、説明や配布に使用したか</t>
    <rPh sb="3" eb="4">
      <t>シ</t>
    </rPh>
    <rPh sb="10" eb="11">
      <t>コタ</t>
    </rPh>
    <rPh sb="13" eb="15">
      <t>シセツ</t>
    </rPh>
    <rPh sb="16" eb="17">
      <t>タイ</t>
    </rPh>
    <rPh sb="20" eb="22">
      <t>セツメイ</t>
    </rPh>
    <rPh sb="23" eb="25">
      <t>ハイフ</t>
    </rPh>
    <rPh sb="26" eb="28">
      <t>シヨウ</t>
    </rPh>
    <phoneticPr fontId="1"/>
  </si>
  <si>
    <t>３）どのような場面で使用したか</t>
    <rPh sb="7" eb="9">
      <t>バメン</t>
    </rPh>
    <rPh sb="10" eb="12">
      <t>シヨウ</t>
    </rPh>
    <phoneticPr fontId="1"/>
  </si>
  <si>
    <t>４）チラシに対する意見</t>
    <rPh sb="6" eb="7">
      <t>タイ</t>
    </rPh>
    <rPh sb="9" eb="11">
      <t>イケン</t>
    </rPh>
    <phoneticPr fontId="1"/>
  </si>
  <si>
    <t>回答数（　43　）</t>
    <rPh sb="0" eb="3">
      <t>カイトウスウ</t>
    </rPh>
    <phoneticPr fontId="1"/>
  </si>
  <si>
    <t>回答数（　91　）</t>
    <rPh sb="0" eb="2">
      <t>カイトウ</t>
    </rPh>
    <rPh sb="2" eb="3">
      <t>スウ</t>
    </rPh>
    <phoneticPr fontId="1"/>
  </si>
  <si>
    <t>８．特定行為研修について</t>
    <rPh sb="2" eb="4">
      <t>トクテイ</t>
    </rPh>
    <rPh sb="4" eb="6">
      <t>コウイ</t>
    </rPh>
    <rPh sb="6" eb="8">
      <t>ケンシュウ</t>
    </rPh>
    <phoneticPr fontId="1"/>
  </si>
  <si>
    <t>９．専任教員養成講習会修了者・実習指導者講習会修了者の状況</t>
    <rPh sb="2" eb="4">
      <t>センニン</t>
    </rPh>
    <rPh sb="4" eb="6">
      <t>キョウイン</t>
    </rPh>
    <rPh sb="6" eb="8">
      <t>ヨウセイ</t>
    </rPh>
    <rPh sb="8" eb="11">
      <t>コウシュウカイ</t>
    </rPh>
    <rPh sb="11" eb="14">
      <t>シュウリョウシャ</t>
    </rPh>
    <rPh sb="15" eb="17">
      <t>ジッシュウ</t>
    </rPh>
    <rPh sb="17" eb="20">
      <t>シドウシャ</t>
    </rPh>
    <rPh sb="20" eb="22">
      <t>コウシュウ</t>
    </rPh>
    <rPh sb="22" eb="23">
      <t>カイ</t>
    </rPh>
    <rPh sb="23" eb="26">
      <t>シュウリョウシャ</t>
    </rPh>
    <rPh sb="27" eb="29">
      <t>ジョウキョウ</t>
    </rPh>
    <phoneticPr fontId="1"/>
  </si>
  <si>
    <t>１１.訪問看護普及啓発活動チラシについて</t>
    <rPh sb="3" eb="5">
      <t>ホウモン</t>
    </rPh>
    <rPh sb="5" eb="7">
      <t>カンゴ</t>
    </rPh>
    <rPh sb="7" eb="9">
      <t>フキュウ</t>
    </rPh>
    <rPh sb="9" eb="11">
      <t>ケイハツ</t>
    </rPh>
    <rPh sb="11" eb="13">
      <t>カツドウ</t>
    </rPh>
    <phoneticPr fontId="1"/>
  </si>
  <si>
    <t>［事業所の設置主体］</t>
    <rPh sb="1" eb="4">
      <t>ジギョウショ</t>
    </rPh>
    <rPh sb="5" eb="7">
      <t>セッチ</t>
    </rPh>
    <rPh sb="7" eb="9">
      <t>シュタイ</t>
    </rPh>
    <phoneticPr fontId="1"/>
  </si>
  <si>
    <t>［事業所の体制］</t>
    <rPh sb="1" eb="4">
      <t>ジギョウショ</t>
    </rPh>
    <rPh sb="5" eb="7">
      <t>タイセイ</t>
    </rPh>
    <phoneticPr fontId="1"/>
  </si>
  <si>
    <t>［訪問管理加算の算定状況］</t>
    <rPh sb="1" eb="3">
      <t>ホウモン</t>
    </rPh>
    <rPh sb="3" eb="5">
      <t>カンリ</t>
    </rPh>
    <rPh sb="5" eb="7">
      <t>カサン</t>
    </rPh>
    <rPh sb="8" eb="10">
      <t>サンテイ</t>
    </rPh>
    <rPh sb="10" eb="12">
      <t>ジョウキョウ</t>
    </rPh>
    <phoneticPr fontId="1"/>
  </si>
  <si>
    <t>［平成30年度延べ訪問件数］</t>
    <rPh sb="1" eb="3">
      <t>ヘイセイ</t>
    </rPh>
    <rPh sb="5" eb="7">
      <t>ネンド</t>
    </rPh>
    <rPh sb="7" eb="8">
      <t>ノ</t>
    </rPh>
    <rPh sb="9" eb="11">
      <t>ホウモン</t>
    </rPh>
    <rPh sb="11" eb="13">
      <t>ケンスウ</t>
    </rPh>
    <phoneticPr fontId="1"/>
  </si>
  <si>
    <t>回答件数</t>
    <rPh sb="0" eb="2">
      <t>カイトウ</t>
    </rPh>
    <rPh sb="2" eb="4">
      <t>ケンスウ</t>
    </rPh>
    <phoneticPr fontId="1"/>
  </si>
  <si>
    <t>常勤（人)</t>
    <rPh sb="0" eb="2">
      <t>ジョウキン</t>
    </rPh>
    <rPh sb="3" eb="4">
      <t>ニン</t>
    </rPh>
    <phoneticPr fontId="1"/>
  </si>
  <si>
    <t>非常勤（人）</t>
    <rPh sb="0" eb="3">
      <t>ヒジョウキン</t>
    </rPh>
    <rPh sb="4" eb="5">
      <t>ニン</t>
    </rPh>
    <phoneticPr fontId="1"/>
  </si>
  <si>
    <t>合計（人）</t>
    <rPh sb="0" eb="2">
      <t>ゴウケイ</t>
    </rPh>
    <rPh sb="3" eb="4">
      <t>ニン</t>
    </rPh>
    <phoneticPr fontId="1"/>
  </si>
  <si>
    <t>人数（人）</t>
    <rPh sb="0" eb="2">
      <t>ニンズウ</t>
    </rPh>
    <rPh sb="3" eb="4">
      <t>ニン</t>
    </rPh>
    <phoneticPr fontId="1"/>
  </si>
  <si>
    <t>1,000～1999</t>
    <phoneticPr fontId="1"/>
  </si>
  <si>
    <t>2,000～3,999</t>
    <phoneticPr fontId="1"/>
  </si>
  <si>
    <t>4,000～5,999</t>
    <phoneticPr fontId="1"/>
  </si>
  <si>
    <t>6,000～7,999</t>
    <phoneticPr fontId="1"/>
  </si>
  <si>
    <t>8,000～10,000</t>
    <phoneticPr fontId="1"/>
  </si>
  <si>
    <t>最大：40,600件　　平均：7,286.8件</t>
    <rPh sb="0" eb="2">
      <t>サイダイ</t>
    </rPh>
    <rPh sb="9" eb="10">
      <t>ケン</t>
    </rPh>
    <rPh sb="12" eb="14">
      <t>ヘイキン</t>
    </rPh>
    <rPh sb="22" eb="23">
      <t>ケン</t>
    </rPh>
    <phoneticPr fontId="1"/>
  </si>
  <si>
    <t>最大：13,064件　 平均：3,339.3件</t>
    <rPh sb="0" eb="2">
      <t>サイダイ</t>
    </rPh>
    <rPh sb="9" eb="10">
      <t>ケン</t>
    </rPh>
    <rPh sb="12" eb="14">
      <t>ヘイキン</t>
    </rPh>
    <rPh sb="22" eb="23">
      <t>ケン</t>
    </rPh>
    <phoneticPr fontId="1"/>
  </si>
  <si>
    <t>１）　全体</t>
    <rPh sb="3" eb="5">
      <t>ゼンタイ</t>
    </rPh>
    <phoneticPr fontId="1"/>
  </si>
  <si>
    <t>２）　PT・OT・STによる対応ありの施設</t>
    <rPh sb="14" eb="16">
      <t>タイオウ</t>
    </rPh>
    <rPh sb="19" eb="21">
      <t>シセツ</t>
    </rPh>
    <phoneticPr fontId="1"/>
  </si>
  <si>
    <t>３）　PT・OT・STによる対応なしの施設</t>
    <rPh sb="14" eb="16">
      <t>タイオウ</t>
    </rPh>
    <rPh sb="19" eb="21">
      <t>シセツ</t>
    </rPh>
    <phoneticPr fontId="1"/>
  </si>
  <si>
    <t>管理者経験年数</t>
    <rPh sb="0" eb="3">
      <t>カンリシャ</t>
    </rPh>
    <rPh sb="3" eb="5">
      <t>ケイケン</t>
    </rPh>
    <rPh sb="5" eb="7">
      <t>ネンスウ</t>
    </rPh>
    <phoneticPr fontId="1"/>
  </si>
  <si>
    <t>1年以上～3年未満</t>
    <rPh sb="1" eb="4">
      <t>ネンイジョウ</t>
    </rPh>
    <rPh sb="6" eb="7">
      <t>ネン</t>
    </rPh>
    <rPh sb="7" eb="9">
      <t>ミマン</t>
    </rPh>
    <phoneticPr fontId="1"/>
  </si>
  <si>
    <t>3年以上～5年未満</t>
    <rPh sb="1" eb="4">
      <t>ネンイジョウ</t>
    </rPh>
    <rPh sb="6" eb="7">
      <t>ネン</t>
    </rPh>
    <rPh sb="7" eb="9">
      <t>ミマン</t>
    </rPh>
    <phoneticPr fontId="1"/>
  </si>
  <si>
    <t>5年以上～10年未満</t>
    <rPh sb="1" eb="4">
      <t>ネンイジョウ</t>
    </rPh>
    <rPh sb="7" eb="8">
      <t>ネン</t>
    </rPh>
    <rPh sb="8" eb="10">
      <t>ミマン</t>
    </rPh>
    <phoneticPr fontId="1"/>
  </si>
  <si>
    <t>10年以上</t>
    <rPh sb="2" eb="5">
      <t>ネンイジョウ</t>
    </rPh>
    <phoneticPr fontId="1"/>
  </si>
  <si>
    <t>最大：25年</t>
    <rPh sb="0" eb="2">
      <t>サイダイ</t>
    </rPh>
    <rPh sb="5" eb="6">
      <t>ネン</t>
    </rPh>
    <phoneticPr fontId="1"/>
  </si>
  <si>
    <t>～100</t>
    <phoneticPr fontId="1"/>
  </si>
  <si>
    <t>100以上1,000未満</t>
    <rPh sb="3" eb="5">
      <t>イジョウ</t>
    </rPh>
    <rPh sb="10" eb="12">
      <t>ミマン</t>
    </rPh>
    <phoneticPr fontId="1"/>
  </si>
  <si>
    <t>1,000以上3,000未満</t>
    <rPh sb="5" eb="7">
      <t>イジョウ</t>
    </rPh>
    <rPh sb="12" eb="14">
      <t>ミマン</t>
    </rPh>
    <phoneticPr fontId="1"/>
  </si>
  <si>
    <t>3,000以上5,000未満</t>
    <rPh sb="5" eb="7">
      <t>イジョウ</t>
    </rPh>
    <rPh sb="12" eb="14">
      <t>ミマン</t>
    </rPh>
    <phoneticPr fontId="1"/>
  </si>
  <si>
    <t>5,000以上7,000未満</t>
    <rPh sb="5" eb="7">
      <t>イジョウ</t>
    </rPh>
    <rPh sb="12" eb="14">
      <t>ミマン</t>
    </rPh>
    <phoneticPr fontId="1"/>
  </si>
  <si>
    <t>7,000以上10,000未満</t>
    <rPh sb="5" eb="7">
      <t>イジョウ</t>
    </rPh>
    <rPh sb="13" eb="15">
      <t>ミマン</t>
    </rPh>
    <phoneticPr fontId="1"/>
  </si>
  <si>
    <t>10,000以上</t>
    <rPh sb="6" eb="8">
      <t>イジョウ</t>
    </rPh>
    <phoneticPr fontId="1"/>
  </si>
  <si>
    <t>最大：16,377件</t>
    <rPh sb="0" eb="2">
      <t>サイダイ</t>
    </rPh>
    <rPh sb="9" eb="10">
      <t>ケン</t>
    </rPh>
    <phoneticPr fontId="1"/>
  </si>
  <si>
    <t>対応の有無</t>
    <rPh sb="0" eb="2">
      <t>タイオウ</t>
    </rPh>
    <rPh sb="3" eb="5">
      <t>ウム</t>
    </rPh>
    <phoneticPr fontId="1"/>
  </si>
  <si>
    <t>あり</t>
    <phoneticPr fontId="1"/>
  </si>
  <si>
    <t>なし</t>
    <phoneticPr fontId="1"/>
  </si>
  <si>
    <t>不明</t>
    <rPh sb="0" eb="2">
      <t>フメイ</t>
    </rPh>
    <phoneticPr fontId="1"/>
  </si>
  <si>
    <t>済生会横浜市東部病院：創傷関連　中心静脈カテーテル関連　皮下ドレーン　腹腔ドレーン</t>
    <rPh sb="0" eb="3">
      <t>サイセイカイ</t>
    </rPh>
    <rPh sb="3" eb="6">
      <t>ヨコハマシ</t>
    </rPh>
    <rPh sb="6" eb="8">
      <t>トウブ</t>
    </rPh>
    <rPh sb="8" eb="10">
      <t>ビョウイン</t>
    </rPh>
    <rPh sb="11" eb="13">
      <t>ソウショウ</t>
    </rPh>
    <rPh sb="13" eb="15">
      <t>カンレン</t>
    </rPh>
    <rPh sb="16" eb="18">
      <t>チュウシン</t>
    </rPh>
    <rPh sb="18" eb="20">
      <t>ジョウミャク</t>
    </rPh>
    <rPh sb="25" eb="27">
      <t>カンレン</t>
    </rPh>
    <rPh sb="28" eb="30">
      <t>ヒカ</t>
    </rPh>
    <rPh sb="35" eb="37">
      <t>フククウ</t>
    </rPh>
    <phoneticPr fontId="1"/>
  </si>
  <si>
    <t>日本看護協会：ろう孔管理関連、呼吸器関連、栄養及び水分管理に係る薬剤投与関連　　　　　　　　　　　　　　　　　（　認定看護師　1名　）</t>
    <rPh sb="0" eb="6">
      <t>ニホンカンゴキョウカイ</t>
    </rPh>
    <rPh sb="9" eb="10">
      <t>アナ</t>
    </rPh>
    <rPh sb="10" eb="12">
      <t>カンリ</t>
    </rPh>
    <rPh sb="12" eb="14">
      <t>カンレン</t>
    </rPh>
    <rPh sb="15" eb="18">
      <t>コキュウキ</t>
    </rPh>
    <rPh sb="18" eb="20">
      <t>カンレン</t>
    </rPh>
    <rPh sb="21" eb="23">
      <t>エイヨウ</t>
    </rPh>
    <rPh sb="23" eb="24">
      <t>オヨ</t>
    </rPh>
    <rPh sb="25" eb="27">
      <t>スイブン</t>
    </rPh>
    <rPh sb="27" eb="29">
      <t>カンリ</t>
    </rPh>
    <rPh sb="30" eb="31">
      <t>カカ</t>
    </rPh>
    <rPh sb="32" eb="34">
      <t>ヤクザイ</t>
    </rPh>
    <rPh sb="34" eb="36">
      <t>トウヨ</t>
    </rPh>
    <rPh sb="36" eb="38">
      <t>カンレン</t>
    </rPh>
    <rPh sb="57" eb="59">
      <t>ニンテイ</t>
    </rPh>
    <rPh sb="59" eb="62">
      <t>カンゴシ</t>
    </rPh>
    <rPh sb="64" eb="65">
      <t>メイ</t>
    </rPh>
    <phoneticPr fontId="16"/>
  </si>
  <si>
    <t>栄養及び水分管理に係る薬剤投与関連（　認定看護師　1名　）</t>
    <rPh sb="0" eb="2">
      <t>エイヨウ</t>
    </rPh>
    <rPh sb="2" eb="3">
      <t>オヨ</t>
    </rPh>
    <rPh sb="4" eb="6">
      <t>スイブン</t>
    </rPh>
    <rPh sb="6" eb="8">
      <t>カンリ</t>
    </rPh>
    <rPh sb="9" eb="10">
      <t>カカ</t>
    </rPh>
    <rPh sb="11" eb="13">
      <t>ヤクザイ</t>
    </rPh>
    <rPh sb="13" eb="15">
      <t>トウヨ</t>
    </rPh>
    <rPh sb="15" eb="17">
      <t>カンレン</t>
    </rPh>
    <rPh sb="19" eb="21">
      <t>ニンテイ</t>
    </rPh>
    <rPh sb="21" eb="24">
      <t>カンゴシ</t>
    </rPh>
    <rPh sb="26" eb="27">
      <t>メイ</t>
    </rPh>
    <phoneticPr fontId="1"/>
  </si>
  <si>
    <t>（　7名　）</t>
    <rPh sb="3" eb="4">
      <t>メイ</t>
    </rPh>
    <phoneticPr fontId="1"/>
  </si>
  <si>
    <t>（　2名　）</t>
    <rPh sb="3" eb="4">
      <t>メイ</t>
    </rPh>
    <phoneticPr fontId="1"/>
  </si>
  <si>
    <t>4）　前年度比・二次医療圏別離職率</t>
    <rPh sb="3" eb="6">
      <t>ゼンネンド</t>
    </rPh>
    <rPh sb="6" eb="7">
      <t>ヒ</t>
    </rPh>
    <rPh sb="8" eb="10">
      <t>ニジ</t>
    </rPh>
    <rPh sb="10" eb="12">
      <t>イリョウ</t>
    </rPh>
    <rPh sb="12" eb="13">
      <t>ケン</t>
    </rPh>
    <rPh sb="13" eb="14">
      <t>ベツ</t>
    </rPh>
    <rPh sb="14" eb="16">
      <t>リショク</t>
    </rPh>
    <rPh sb="16" eb="17">
      <t>リツ</t>
    </rPh>
    <phoneticPr fontId="1"/>
  </si>
  <si>
    <t>3）　前年度比・職種別離職率</t>
    <rPh sb="3" eb="6">
      <t>ゼンネンド</t>
    </rPh>
    <rPh sb="6" eb="7">
      <t>ヒ</t>
    </rPh>
    <rPh sb="8" eb="10">
      <t>ショクシュ</t>
    </rPh>
    <rPh sb="10" eb="11">
      <t>ベツ</t>
    </rPh>
    <rPh sb="11" eb="14">
      <t>リショクリツ</t>
    </rPh>
    <phoneticPr fontId="1"/>
  </si>
  <si>
    <t>1）　研修修了者・受講者・受講予定者の状況</t>
    <rPh sb="3" eb="5">
      <t>ケンシュウ</t>
    </rPh>
    <rPh sb="5" eb="8">
      <t>シュウリョウシャ</t>
    </rPh>
    <rPh sb="9" eb="12">
      <t>ジュコウシャ</t>
    </rPh>
    <rPh sb="13" eb="15">
      <t>ジュコウ</t>
    </rPh>
    <rPh sb="15" eb="17">
      <t>ヨテイ</t>
    </rPh>
    <rPh sb="17" eb="18">
      <t>シャ</t>
    </rPh>
    <rPh sb="19" eb="21">
      <t>ジョウキョウ</t>
    </rPh>
    <phoneticPr fontId="1"/>
  </si>
  <si>
    <t>2）　令和2年度以降の受講計画の有無</t>
    <rPh sb="3" eb="4">
      <t>レイ</t>
    </rPh>
    <rPh sb="4" eb="5">
      <t>ワ</t>
    </rPh>
    <rPh sb="6" eb="8">
      <t>ネンド</t>
    </rPh>
    <rPh sb="8" eb="10">
      <t>イコウ</t>
    </rPh>
    <rPh sb="11" eb="13">
      <t>ジュコウ</t>
    </rPh>
    <rPh sb="13" eb="15">
      <t>ケイカク</t>
    </rPh>
    <rPh sb="16" eb="18">
      <t>ウム</t>
    </rPh>
    <phoneticPr fontId="1"/>
  </si>
  <si>
    <t>3）　2）「有り」のうち、代替職員の雇用経費補助の利用について</t>
    <rPh sb="6" eb="7">
      <t>ア</t>
    </rPh>
    <rPh sb="13" eb="15">
      <t>ダイタイ</t>
    </rPh>
    <rPh sb="15" eb="17">
      <t>ショクイン</t>
    </rPh>
    <rPh sb="18" eb="20">
      <t>コヨウ</t>
    </rPh>
    <rPh sb="20" eb="22">
      <t>ケイヒ</t>
    </rPh>
    <rPh sb="22" eb="24">
      <t>ホジョ</t>
    </rPh>
    <rPh sb="25" eb="27">
      <t>リヨウ</t>
    </rPh>
    <phoneticPr fontId="1"/>
  </si>
  <si>
    <t>［参考］</t>
    <rPh sb="1" eb="3">
      <t>サンコウ</t>
    </rPh>
    <phoneticPr fontId="1"/>
  </si>
  <si>
    <t>ア）管理者経験年数</t>
    <rPh sb="2" eb="5">
      <t>カンリシャ</t>
    </rPh>
    <rPh sb="5" eb="7">
      <t>ケイケン</t>
    </rPh>
    <rPh sb="7" eb="9">
      <t>ネンスウ</t>
    </rPh>
    <phoneticPr fontId="1"/>
  </si>
  <si>
    <t>ウ）ＰＴ・ＯＴ・ＳＴによる対応の有無</t>
    <rPh sb="13" eb="15">
      <t>タイオウ</t>
    </rPh>
    <rPh sb="16" eb="18">
      <t>ウム</t>
    </rPh>
    <phoneticPr fontId="1"/>
  </si>
  <si>
    <t>実習生、研修生のオリエンテーション、一般者向けの講演で</t>
    <rPh sb="0" eb="3">
      <t>ジッシュウセイ</t>
    </rPh>
    <rPh sb="4" eb="7">
      <t>ケンシュウセイ</t>
    </rPh>
    <rPh sb="18" eb="20">
      <t>イッパン</t>
    </rPh>
    <rPh sb="20" eb="21">
      <t>シャ</t>
    </rPh>
    <rPh sb="21" eb="22">
      <t>ム</t>
    </rPh>
    <rPh sb="24" eb="26">
      <t>コウエン</t>
    </rPh>
    <phoneticPr fontId="16"/>
  </si>
  <si>
    <t>ケアマネとの連携を深めるためチラシを渡し、どこのステーションのNsでもいいので、気軽に声かけいただくよう伝えた</t>
    <rPh sb="6" eb="8">
      <t>レンケイ</t>
    </rPh>
    <rPh sb="9" eb="10">
      <t>フカ</t>
    </rPh>
    <rPh sb="18" eb="19">
      <t>ワタ</t>
    </rPh>
    <rPh sb="40" eb="42">
      <t>キガル</t>
    </rPh>
    <rPh sb="43" eb="44">
      <t>コエ</t>
    </rPh>
    <rPh sb="52" eb="53">
      <t>ツタ</t>
    </rPh>
    <phoneticPr fontId="16"/>
  </si>
  <si>
    <t>ケアマネジャーの初任研修時</t>
    <rPh sb="8" eb="10">
      <t>ショニン</t>
    </rPh>
    <rPh sb="10" eb="12">
      <t>ケンシュウ</t>
    </rPh>
    <rPh sb="12" eb="13">
      <t>ジ</t>
    </rPh>
    <phoneticPr fontId="16"/>
  </si>
  <si>
    <t>職場内で違う部署の者に使用</t>
    <rPh sb="0" eb="2">
      <t>ショクバ</t>
    </rPh>
    <rPh sb="2" eb="3">
      <t>ナイ</t>
    </rPh>
    <rPh sb="4" eb="5">
      <t>チガ</t>
    </rPh>
    <rPh sb="6" eb="8">
      <t>ブショ</t>
    </rPh>
    <rPh sb="9" eb="10">
      <t>モノ</t>
    </rPh>
    <rPh sb="11" eb="13">
      <t>シヨウ</t>
    </rPh>
    <phoneticPr fontId="16"/>
  </si>
  <si>
    <t>・ケアマネージャーへ新規相談受付依頼時（営業時）・ご家族様に対して　・サービス付き高齢者住宅ご入居者様ご家族様　・事業所長</t>
    <rPh sb="10" eb="12">
      <t>シンキ</t>
    </rPh>
    <rPh sb="12" eb="14">
      <t>ソウダン</t>
    </rPh>
    <rPh sb="14" eb="16">
      <t>ウケツケ</t>
    </rPh>
    <rPh sb="16" eb="18">
      <t>イライ</t>
    </rPh>
    <rPh sb="18" eb="19">
      <t>ジ</t>
    </rPh>
    <rPh sb="20" eb="22">
      <t>エイギョウ</t>
    </rPh>
    <rPh sb="22" eb="23">
      <t>ジ</t>
    </rPh>
    <rPh sb="26" eb="29">
      <t>カゾクサマ</t>
    </rPh>
    <rPh sb="30" eb="31">
      <t>タイ</t>
    </rPh>
    <rPh sb="39" eb="40">
      <t>ツ</t>
    </rPh>
    <rPh sb="41" eb="44">
      <t>コウレイシャ</t>
    </rPh>
    <rPh sb="44" eb="46">
      <t>ジュウタク</t>
    </rPh>
    <rPh sb="47" eb="51">
      <t>ニュウキョシャサマ</t>
    </rPh>
    <rPh sb="52" eb="55">
      <t>カゾクサマ</t>
    </rPh>
    <rPh sb="57" eb="60">
      <t>ジギョウショ</t>
    </rPh>
    <rPh sb="60" eb="61">
      <t>チョウ</t>
    </rPh>
    <phoneticPr fontId="16"/>
  </si>
  <si>
    <t>利用者や問い合わせのある一般向けの説明に使用したいため、パソコンからダウンロードできるようにしてほしい。</t>
    <phoneticPr fontId="17"/>
  </si>
  <si>
    <t>ケアマネの訪問看護に対しての周知度、必要性の理解度が低いと感じている為、状態悪化、予防に着目した啓発がもっと必要だと思います。</t>
    <rPh sb="5" eb="7">
      <t>ホウモン</t>
    </rPh>
    <rPh sb="7" eb="9">
      <t>カンゴ</t>
    </rPh>
    <rPh sb="10" eb="11">
      <t>タイ</t>
    </rPh>
    <rPh sb="14" eb="16">
      <t>シュウチ</t>
    </rPh>
    <rPh sb="16" eb="17">
      <t>ド</t>
    </rPh>
    <rPh sb="18" eb="21">
      <t>ヒツヨウセイ</t>
    </rPh>
    <rPh sb="22" eb="24">
      <t>リカイ</t>
    </rPh>
    <rPh sb="24" eb="25">
      <t>ド</t>
    </rPh>
    <rPh sb="26" eb="27">
      <t>ヒク</t>
    </rPh>
    <rPh sb="29" eb="30">
      <t>カン</t>
    </rPh>
    <rPh sb="34" eb="35">
      <t>タメ</t>
    </rPh>
    <rPh sb="36" eb="38">
      <t>ジョウタイ</t>
    </rPh>
    <rPh sb="38" eb="40">
      <t>アッカ</t>
    </rPh>
    <rPh sb="41" eb="43">
      <t>ヨボウ</t>
    </rPh>
    <rPh sb="44" eb="46">
      <t>チャクモク</t>
    </rPh>
    <rPh sb="48" eb="50">
      <t>ケイハツ</t>
    </rPh>
    <rPh sb="54" eb="56">
      <t>ヒツヨウ</t>
    </rPh>
    <rPh sb="58" eb="59">
      <t>オモ</t>
    </rPh>
    <phoneticPr fontId="19"/>
  </si>
  <si>
    <t>H29年度離職率（％）</t>
    <rPh sb="3" eb="5">
      <t>ネンド</t>
    </rPh>
    <rPh sb="5" eb="8">
      <t>リショクリツ</t>
    </rPh>
    <phoneticPr fontId="1"/>
  </si>
  <si>
    <t>H30年度離職率（％）</t>
    <rPh sb="3" eb="5">
      <t>ネンド</t>
    </rPh>
    <rPh sb="5" eb="8">
      <t>リショクリツ</t>
    </rPh>
    <phoneticPr fontId="1"/>
  </si>
  <si>
    <t>H29年度(e)</t>
    <rPh sb="3" eb="5">
      <t>ネンド</t>
    </rPh>
    <phoneticPr fontId="1"/>
  </si>
  <si>
    <t>H30年度(f)</t>
    <rPh sb="3" eb="5">
      <t>ネンド</t>
    </rPh>
    <phoneticPr fontId="1"/>
  </si>
  <si>
    <t>回答件数の差     （e-f)</t>
    <rPh sb="0" eb="2">
      <t>カイトウ</t>
    </rPh>
    <rPh sb="2" eb="4">
      <t>ケンスウ</t>
    </rPh>
    <rPh sb="5" eb="6">
      <t>サ</t>
    </rPh>
    <phoneticPr fontId="1"/>
  </si>
  <si>
    <t>修了者</t>
    <rPh sb="0" eb="3">
      <t>シュウリョウシャ</t>
    </rPh>
    <phoneticPr fontId="1"/>
  </si>
  <si>
    <t>１０ - 3）　管理者研修受講無回答の施設の詳細</t>
    <rPh sb="8" eb="11">
      <t>カンリシャ</t>
    </rPh>
    <rPh sb="11" eb="13">
      <t>ケンシュウ</t>
    </rPh>
    <rPh sb="13" eb="15">
      <t>ジュコウ</t>
    </rPh>
    <rPh sb="15" eb="18">
      <t>ムカイトウ</t>
    </rPh>
    <rPh sb="19" eb="21">
      <t>シセツ</t>
    </rPh>
    <rPh sb="22" eb="24">
      <t>ショウサイ</t>
    </rPh>
    <phoneticPr fontId="1"/>
  </si>
  <si>
    <t>※複数回答</t>
    <rPh sb="1" eb="3">
      <t>フクスウ</t>
    </rPh>
    <rPh sb="3" eb="5">
      <t>カイトウ</t>
    </rPh>
    <phoneticPr fontId="1"/>
  </si>
  <si>
    <t>常勤換算数</t>
    <rPh sb="0" eb="2">
      <t>ジョウキン</t>
    </rPh>
    <rPh sb="2" eb="4">
      <t>カンサン</t>
    </rPh>
    <rPh sb="4" eb="5">
      <t>スウ</t>
    </rPh>
    <phoneticPr fontId="1"/>
  </si>
  <si>
    <t>最大：10.4</t>
    <rPh sb="0" eb="2">
      <t>サイダイ</t>
    </rPh>
    <phoneticPr fontId="1"/>
  </si>
  <si>
    <t>イ）年間延べ訪問件数</t>
    <rPh sb="2" eb="4">
      <t>ネンカン</t>
    </rPh>
    <rPh sb="4" eb="5">
      <t>ノ</t>
    </rPh>
    <rPh sb="6" eb="8">
      <t>ホウモン</t>
    </rPh>
    <rPh sb="8" eb="10">
      <t>ケンスウ</t>
    </rPh>
    <phoneticPr fontId="1"/>
  </si>
  <si>
    <t>n=</t>
    <phoneticPr fontId="1"/>
  </si>
  <si>
    <t>n=135</t>
    <phoneticPr fontId="1"/>
  </si>
  <si>
    <t>エ）実人員数（H30.4.1現在）n=120</t>
    <rPh sb="2" eb="3">
      <t>ジツ</t>
    </rPh>
    <rPh sb="3" eb="5">
      <t>ジンイン</t>
    </rPh>
    <rPh sb="5" eb="6">
      <t>スウ</t>
    </rPh>
    <rPh sb="14" eb="16">
      <t>ゲンザイ</t>
    </rPh>
    <phoneticPr fontId="1"/>
  </si>
  <si>
    <t>オ）常勤換算数（H30.4.1現在）n=93</t>
    <rPh sb="2" eb="4">
      <t>ジョウキン</t>
    </rPh>
    <rPh sb="4" eb="6">
      <t>カンサン</t>
    </rPh>
    <rPh sb="6" eb="7">
      <t>スウ</t>
    </rPh>
    <rPh sb="15" eb="17">
      <t>ゲンザイ</t>
    </rPh>
    <phoneticPr fontId="1"/>
  </si>
  <si>
    <t>（内数で認定看護師　　　　　　　　　　　　　　　　　　　　　　　　2名）</t>
    <rPh sb="1" eb="2">
      <t>ウチ</t>
    </rPh>
    <rPh sb="2" eb="3">
      <t>スウ</t>
    </rPh>
    <rPh sb="4" eb="6">
      <t>ニンテイ</t>
    </rPh>
    <rPh sb="6" eb="9">
      <t>カンゴシ</t>
    </rPh>
    <rPh sb="34" eb="35">
      <t>メイ</t>
    </rPh>
    <phoneticPr fontId="1"/>
  </si>
  <si>
    <t>n=463</t>
    <phoneticPr fontId="1"/>
  </si>
  <si>
    <t>n=421</t>
    <phoneticPr fontId="1"/>
  </si>
  <si>
    <t>n=257</t>
    <phoneticPr fontId="1"/>
  </si>
  <si>
    <t>n=164</t>
    <phoneticPr fontId="1"/>
  </si>
  <si>
    <t>10,000～</t>
    <phoneticPr fontId="1"/>
  </si>
  <si>
    <t>10,000～</t>
    <phoneticPr fontId="1"/>
  </si>
  <si>
    <t>構成比（％）</t>
    <rPh sb="0" eb="3">
      <t>コウセイヒ</t>
    </rPh>
    <phoneticPr fontId="1"/>
  </si>
  <si>
    <t>回答施設数（A)</t>
    <rPh sb="0" eb="2">
      <t>カイトウ</t>
    </rPh>
    <rPh sb="2" eb="4">
      <t>シセツ</t>
    </rPh>
    <rPh sb="4" eb="5">
      <t>スウ</t>
    </rPh>
    <phoneticPr fontId="1"/>
  </si>
  <si>
    <t>（A)/n(463）*100（％）</t>
    <phoneticPr fontId="1"/>
  </si>
  <si>
    <t>1,000～1,999</t>
    <phoneticPr fontId="1"/>
  </si>
  <si>
    <t>1,000～1,999</t>
    <phoneticPr fontId="1"/>
  </si>
  <si>
    <t>※チラシを配布した期間：３年</t>
    <rPh sb="5" eb="7">
      <t>ハイフ</t>
    </rPh>
    <rPh sb="9" eb="11">
      <t>キカン</t>
    </rPh>
    <rPh sb="13" eb="14">
      <t>ネン</t>
    </rPh>
    <phoneticPr fontId="1"/>
  </si>
  <si>
    <t>全　体</t>
    <rPh sb="0" eb="1">
      <t>ゼン</t>
    </rPh>
    <rPh sb="2" eb="3">
      <t>カラダ</t>
    </rPh>
    <phoneticPr fontId="1"/>
  </si>
  <si>
    <t>常　勤</t>
    <rPh sb="0" eb="1">
      <t>ジョウ</t>
    </rPh>
    <rPh sb="2" eb="3">
      <t>ツトム</t>
    </rPh>
    <phoneticPr fontId="1"/>
  </si>
  <si>
    <t>非　常　勤</t>
    <rPh sb="0" eb="1">
      <t>ヒ</t>
    </rPh>
    <rPh sb="2" eb="3">
      <t>ジョウ</t>
    </rPh>
    <rPh sb="4" eb="5">
      <t>ツトム</t>
    </rPh>
    <phoneticPr fontId="1"/>
  </si>
  <si>
    <t>配布場所</t>
    <rPh sb="0" eb="2">
      <t>ハイフ</t>
    </rPh>
    <rPh sb="2" eb="4">
      <t>バショ</t>
    </rPh>
    <phoneticPr fontId="1"/>
  </si>
  <si>
    <t>誰に</t>
    <rPh sb="0" eb="1">
      <t>ダレ</t>
    </rPh>
    <phoneticPr fontId="1"/>
  </si>
  <si>
    <t>どんな時に</t>
    <rPh sb="3" eb="4">
      <t>トキ</t>
    </rPh>
    <phoneticPr fontId="1"/>
  </si>
  <si>
    <t>他</t>
    <rPh sb="0" eb="1">
      <t>ホカ</t>
    </rPh>
    <phoneticPr fontId="1"/>
  </si>
  <si>
    <t>研修</t>
    <rPh sb="0" eb="2">
      <t>ケンシュウ</t>
    </rPh>
    <phoneticPr fontId="1"/>
  </si>
  <si>
    <t>ケアマネジャー</t>
    <phoneticPr fontId="1"/>
  </si>
  <si>
    <t>説明の時</t>
    <rPh sb="0" eb="2">
      <t>セツメイ</t>
    </rPh>
    <rPh sb="3" eb="4">
      <t>トキ</t>
    </rPh>
    <phoneticPr fontId="1"/>
  </si>
  <si>
    <t>事業所に掲示</t>
    <rPh sb="0" eb="3">
      <t>ジギョウショ</t>
    </rPh>
    <rPh sb="4" eb="6">
      <t>ケイジ</t>
    </rPh>
    <phoneticPr fontId="1"/>
  </si>
  <si>
    <t>居宅介護支援事業所</t>
    <rPh sb="0" eb="9">
      <t>キョタクカイゴシエンジギョウショ</t>
    </rPh>
    <phoneticPr fontId="1"/>
  </si>
  <si>
    <t>患者・利用者</t>
    <rPh sb="0" eb="2">
      <t>カンジャ</t>
    </rPh>
    <rPh sb="3" eb="6">
      <t>リヨウシャ</t>
    </rPh>
    <phoneticPr fontId="1"/>
  </si>
  <si>
    <t>ホームページにのせた</t>
    <phoneticPr fontId="1"/>
  </si>
  <si>
    <t>地域</t>
    <rPh sb="0" eb="2">
      <t>チイキ</t>
    </rPh>
    <phoneticPr fontId="1"/>
  </si>
  <si>
    <t>家族</t>
    <rPh sb="0" eb="2">
      <t>カゾク</t>
    </rPh>
    <phoneticPr fontId="1"/>
  </si>
  <si>
    <t>サービス提供時</t>
    <rPh sb="4" eb="6">
      <t>テイキョウ</t>
    </rPh>
    <rPh sb="6" eb="7">
      <t>ジ</t>
    </rPh>
    <phoneticPr fontId="1"/>
  </si>
  <si>
    <t>講習会</t>
    <rPh sb="0" eb="3">
      <t>コウシュウカイ</t>
    </rPh>
    <phoneticPr fontId="1"/>
  </si>
  <si>
    <t>一般・市民・地域住民</t>
    <rPh sb="0" eb="2">
      <t>イッパン</t>
    </rPh>
    <rPh sb="3" eb="5">
      <t>シミン</t>
    </rPh>
    <rPh sb="6" eb="8">
      <t>チイキ</t>
    </rPh>
    <rPh sb="8" eb="10">
      <t>ジュウミン</t>
    </rPh>
    <phoneticPr fontId="1"/>
  </si>
  <si>
    <t>実績報告・送付時</t>
    <rPh sb="0" eb="2">
      <t>ジッセキ</t>
    </rPh>
    <rPh sb="2" eb="4">
      <t>ホウコク</t>
    </rPh>
    <rPh sb="5" eb="7">
      <t>ソウフ</t>
    </rPh>
    <rPh sb="7" eb="8">
      <t>ジ</t>
    </rPh>
    <phoneticPr fontId="1"/>
  </si>
  <si>
    <t>地域包括支援センター</t>
    <phoneticPr fontId="1"/>
  </si>
  <si>
    <t>退院支援看護師</t>
    <rPh sb="0" eb="7">
      <t>タイインシエンカンゴシ</t>
    </rPh>
    <phoneticPr fontId="1"/>
  </si>
  <si>
    <t>相談の時</t>
    <rPh sb="0" eb="2">
      <t>ソウダン</t>
    </rPh>
    <rPh sb="3" eb="4">
      <t>トキ</t>
    </rPh>
    <phoneticPr fontId="1"/>
  </si>
  <si>
    <t>講演会</t>
    <rPh sb="0" eb="2">
      <t>コウエン</t>
    </rPh>
    <rPh sb="2" eb="3">
      <t>カイ</t>
    </rPh>
    <phoneticPr fontId="1"/>
  </si>
  <si>
    <t>民生委員</t>
  </si>
  <si>
    <t>学生指導時</t>
    <rPh sb="0" eb="2">
      <t>ガクセイ</t>
    </rPh>
    <rPh sb="2" eb="4">
      <t>シドウ</t>
    </rPh>
    <rPh sb="4" eb="5">
      <t>ジ</t>
    </rPh>
    <phoneticPr fontId="1"/>
  </si>
  <si>
    <t>市民講座</t>
    <rPh sb="0" eb="2">
      <t>シミン</t>
    </rPh>
    <rPh sb="2" eb="4">
      <t>コウザ</t>
    </rPh>
    <phoneticPr fontId="1"/>
  </si>
  <si>
    <t>職員</t>
    <rPh sb="0" eb="2">
      <t>ショクイン</t>
    </rPh>
    <phoneticPr fontId="1"/>
  </si>
  <si>
    <t>契約時</t>
    <rPh sb="0" eb="3">
      <t>ケイヤクジ</t>
    </rPh>
    <phoneticPr fontId="1"/>
  </si>
  <si>
    <t>サービス担当者会議</t>
    <rPh sb="4" eb="9">
      <t>タントウシャカイギ</t>
    </rPh>
    <phoneticPr fontId="1"/>
  </si>
  <si>
    <t>病院看護師</t>
    <rPh sb="0" eb="5">
      <t>ビョウインカンゴシ</t>
    </rPh>
    <phoneticPr fontId="1"/>
  </si>
  <si>
    <t>初回訪問時</t>
    <rPh sb="0" eb="4">
      <t>ショカイホウモン</t>
    </rPh>
    <rPh sb="4" eb="5">
      <t>ジ</t>
    </rPh>
    <phoneticPr fontId="1"/>
  </si>
  <si>
    <t>相談窓口</t>
    <rPh sb="0" eb="4">
      <t>ソウダンマドグチ</t>
    </rPh>
    <phoneticPr fontId="1"/>
  </si>
  <si>
    <t>法人内のスタッフ</t>
    <rPh sb="0" eb="2">
      <t>ホウジン</t>
    </rPh>
    <rPh sb="2" eb="3">
      <t>ナイ</t>
    </rPh>
    <phoneticPr fontId="1"/>
  </si>
  <si>
    <t>連絡会</t>
    <rPh sb="0" eb="2">
      <t>レンラク</t>
    </rPh>
    <rPh sb="2" eb="3">
      <t>カイ</t>
    </rPh>
    <phoneticPr fontId="1"/>
  </si>
  <si>
    <t>利用者居宅</t>
    <rPh sb="0" eb="3">
      <t>リヨウシャ</t>
    </rPh>
    <rPh sb="3" eb="5">
      <t>キョタク</t>
    </rPh>
    <phoneticPr fontId="1"/>
  </si>
  <si>
    <t>ボランティア</t>
    <phoneticPr fontId="1"/>
  </si>
  <si>
    <t>クリニック</t>
    <phoneticPr fontId="1"/>
  </si>
  <si>
    <t>有志</t>
    <rPh sb="0" eb="2">
      <t>ユウシ</t>
    </rPh>
    <phoneticPr fontId="1"/>
  </si>
  <si>
    <t>看護学校</t>
    <rPh sb="0" eb="2">
      <t>カンゴ</t>
    </rPh>
    <rPh sb="2" eb="4">
      <t>ガッコウ</t>
    </rPh>
    <phoneticPr fontId="1"/>
  </si>
  <si>
    <t>実習生・研修生</t>
    <rPh sb="0" eb="3">
      <t>ジッシュウセイ</t>
    </rPh>
    <rPh sb="4" eb="7">
      <t>ケンシュウセイ</t>
    </rPh>
    <phoneticPr fontId="1"/>
  </si>
  <si>
    <t>介護システム会議</t>
    <phoneticPr fontId="1"/>
  </si>
  <si>
    <t>保健師</t>
    <rPh sb="0" eb="3">
      <t>ホケンシ</t>
    </rPh>
    <phoneticPr fontId="1"/>
  </si>
  <si>
    <t>患者サポートセンター</t>
    <rPh sb="0" eb="2">
      <t>カンジャ</t>
    </rPh>
    <phoneticPr fontId="1"/>
  </si>
  <si>
    <t>その他の意見で主なもの</t>
    <rPh sb="2" eb="3">
      <t>タ</t>
    </rPh>
    <rPh sb="4" eb="6">
      <t>イケン</t>
    </rPh>
    <rPh sb="7" eb="8">
      <t>オモ</t>
    </rPh>
    <phoneticPr fontId="1"/>
  </si>
  <si>
    <t>・利用者や一般の方への説明に使用したいので、パソコンからダウンロードできるようにしてほしい。</t>
    <rPh sb="8" eb="9">
      <t>カタ</t>
    </rPh>
    <phoneticPr fontId="17"/>
  </si>
  <si>
    <t>・有料でもいいのでポスターを希望する。</t>
    <rPh sb="1" eb="3">
      <t>ユウリョウ</t>
    </rPh>
    <rPh sb="14" eb="16">
      <t>キボウ</t>
    </rPh>
    <phoneticPr fontId="16"/>
  </si>
  <si>
    <t>・開業医向けのパンフレットがあると良い。</t>
    <rPh sb="1" eb="4">
      <t>カイギョウイ</t>
    </rPh>
    <rPh sb="4" eb="5">
      <t>ム</t>
    </rPh>
    <rPh sb="17" eb="18">
      <t>ヨ</t>
    </rPh>
    <phoneticPr fontId="16"/>
  </si>
  <si>
    <t>・神奈川県の広報などに折込して、一般の方に周知してほしい。</t>
    <rPh sb="1" eb="5">
      <t>カナガワケン</t>
    </rPh>
    <rPh sb="6" eb="8">
      <t>コウホウ</t>
    </rPh>
    <rPh sb="11" eb="13">
      <t>オリコミ</t>
    </rPh>
    <rPh sb="16" eb="18">
      <t>イッパン</t>
    </rPh>
    <rPh sb="19" eb="20">
      <t>カタ</t>
    </rPh>
    <rPh sb="21" eb="23">
      <t>シュウチ</t>
    </rPh>
    <phoneticPr fontId="16"/>
  </si>
  <si>
    <t>・社協や包括・行政窓口にあると良い。</t>
    <rPh sb="1" eb="3">
      <t>シャキョウ</t>
    </rPh>
    <rPh sb="4" eb="6">
      <t>ホウカツ</t>
    </rPh>
    <rPh sb="7" eb="9">
      <t>ギョウセイ</t>
    </rPh>
    <rPh sb="9" eb="11">
      <t>マドグチ</t>
    </rPh>
    <rPh sb="15" eb="16">
      <t>ヨ</t>
    </rPh>
    <phoneticPr fontId="16"/>
  </si>
  <si>
    <t>・何の為に訪問看護が必要で、指示書に何と書けばよいか、病院から問い合わせがある。このチラシにチェックを行い、受診時にDrにお願いするとよい。</t>
    <rPh sb="1" eb="2">
      <t>ナン</t>
    </rPh>
    <rPh sb="3" eb="4">
      <t>タメ</t>
    </rPh>
    <rPh sb="5" eb="9">
      <t>ホウモンカンゴ</t>
    </rPh>
    <rPh sb="10" eb="12">
      <t>ヒツヨウ</t>
    </rPh>
    <rPh sb="14" eb="17">
      <t>シジショ</t>
    </rPh>
    <rPh sb="18" eb="19">
      <t>ナン</t>
    </rPh>
    <rPh sb="20" eb="21">
      <t>カ</t>
    </rPh>
    <rPh sb="27" eb="29">
      <t>ビョウイン</t>
    </rPh>
    <rPh sb="31" eb="32">
      <t>ト</t>
    </rPh>
    <rPh sb="33" eb="34">
      <t>ア</t>
    </rPh>
    <rPh sb="51" eb="52">
      <t>オコナ</t>
    </rPh>
    <rPh sb="54" eb="56">
      <t>ジュシン</t>
    </rPh>
    <rPh sb="56" eb="57">
      <t>ジ</t>
    </rPh>
    <rPh sb="62" eb="63">
      <t>ネガ</t>
    </rPh>
    <phoneticPr fontId="16"/>
  </si>
  <si>
    <t>・訪問看護の実態を知らない方が多いので、宣伝用に何部か頂きたい。</t>
    <rPh sb="1" eb="5">
      <t>ホウモンカンゴ</t>
    </rPh>
    <rPh sb="6" eb="8">
      <t>ジッタイ</t>
    </rPh>
    <rPh sb="9" eb="10">
      <t>シ</t>
    </rPh>
    <rPh sb="13" eb="14">
      <t>カタ</t>
    </rPh>
    <rPh sb="15" eb="16">
      <t>オオ</t>
    </rPh>
    <rPh sb="20" eb="23">
      <t>センデンヨウ</t>
    </rPh>
    <rPh sb="24" eb="26">
      <t>ナンブ</t>
    </rPh>
    <rPh sb="27" eb="28">
      <t>イタダ</t>
    </rPh>
    <phoneticPr fontId="16"/>
  </si>
  <si>
    <t>・（問合せ先が）横浜のパンフレットなので、横須賀版があれば嬉しい。</t>
    <rPh sb="2" eb="4">
      <t>トイアワ</t>
    </rPh>
    <rPh sb="5" eb="6">
      <t>サキ</t>
    </rPh>
    <rPh sb="8" eb="10">
      <t>ヨコハマ</t>
    </rPh>
    <rPh sb="21" eb="24">
      <t>ヨコスカ</t>
    </rPh>
    <rPh sb="24" eb="25">
      <t>バン</t>
    </rPh>
    <rPh sb="29" eb="30">
      <t>ウレ</t>
    </rPh>
    <phoneticPr fontId="16"/>
  </si>
  <si>
    <t>回答数43件のうち、分かりやすい、見やすい、活用しやすい等と回答したのは23件であった。</t>
    <rPh sb="0" eb="2">
      <t>カイトウ</t>
    </rPh>
    <rPh sb="2" eb="3">
      <t>スウ</t>
    </rPh>
    <rPh sb="5" eb="6">
      <t>ケン</t>
    </rPh>
    <rPh sb="10" eb="11">
      <t>ワ</t>
    </rPh>
    <rPh sb="17" eb="18">
      <t>ミ</t>
    </rPh>
    <rPh sb="22" eb="24">
      <t>カツヨウ</t>
    </rPh>
    <rPh sb="28" eb="29">
      <t>トウ</t>
    </rPh>
    <rPh sb="30" eb="32">
      <t>カイトウ</t>
    </rPh>
    <rPh sb="38" eb="39">
      <t>ケン</t>
    </rPh>
    <phoneticPr fontId="1"/>
  </si>
  <si>
    <t>精神看護</t>
    <rPh sb="0" eb="2">
      <t>セイシン</t>
    </rPh>
    <rPh sb="2" eb="4">
      <t>カンゴ</t>
    </rPh>
    <phoneticPr fontId="1"/>
  </si>
  <si>
    <t>がん看護</t>
    <rPh sb="2" eb="4">
      <t>カンゴ</t>
    </rPh>
    <phoneticPr fontId="1"/>
  </si>
  <si>
    <t>小児看護</t>
    <rPh sb="0" eb="2">
      <t>ショウニ</t>
    </rPh>
    <rPh sb="2" eb="4">
      <t>カンゴ</t>
    </rPh>
    <phoneticPr fontId="1"/>
  </si>
  <si>
    <t>緩和ケア</t>
    <rPh sb="0" eb="2">
      <t>カンワ</t>
    </rPh>
    <phoneticPr fontId="1"/>
  </si>
  <si>
    <t>訪問看護</t>
    <rPh sb="0" eb="2">
      <t>ホウモン</t>
    </rPh>
    <rPh sb="2" eb="4">
      <t>カンゴ</t>
    </rPh>
    <phoneticPr fontId="1"/>
  </si>
  <si>
    <t>皮膚・排泄ケア</t>
    <rPh sb="0" eb="2">
      <t>ヒフ</t>
    </rPh>
    <rPh sb="3" eb="5">
      <t>ハイセツ</t>
    </rPh>
    <phoneticPr fontId="1"/>
  </si>
  <si>
    <t>集中ケア</t>
    <rPh sb="0" eb="2">
      <t>シュウチュウ</t>
    </rPh>
    <phoneticPr fontId="1"/>
  </si>
  <si>
    <t>H30年度(n=291)</t>
    <rPh sb="3" eb="5">
      <t>ネンド</t>
    </rPh>
    <phoneticPr fontId="1"/>
  </si>
  <si>
    <t>その他</t>
    <rPh sb="2" eb="3">
      <t>ホカ</t>
    </rPh>
    <phoneticPr fontId="1"/>
  </si>
  <si>
    <t>認定看護管理者</t>
    <rPh sb="0" eb="2">
      <t>ニンテイ</t>
    </rPh>
    <rPh sb="2" eb="4">
      <t>カンゴ</t>
    </rPh>
    <rPh sb="4" eb="7">
      <t>カンリシャ</t>
    </rPh>
    <phoneticPr fontId="1"/>
  </si>
  <si>
    <t>呼吸器（気道確保に係るもの）関連</t>
  </si>
  <si>
    <t>呼吸器（人工呼吸療法に係るもの）関連</t>
  </si>
  <si>
    <t>呼吸器（長期呼吸療法に係るもの）関連</t>
  </si>
  <si>
    <t>循環器関連</t>
  </si>
  <si>
    <t>心嚢ドレーン管理関連</t>
    <rPh sb="1" eb="2">
      <t>ノウ</t>
    </rPh>
    <phoneticPr fontId="17"/>
  </si>
  <si>
    <t>胸腔ドレーン管理関連</t>
  </si>
  <si>
    <t>腹腔ドレーン管理関連</t>
  </si>
  <si>
    <t>ろう孔管理関連</t>
  </si>
  <si>
    <t>栄養に係るカテーテル管理（中心静脈カテーテル管理）関連</t>
  </si>
  <si>
    <t>創傷管理関連</t>
  </si>
  <si>
    <t>創部ドレーン管理関連</t>
  </si>
  <si>
    <t>動脈血液ガス分析関連</t>
  </si>
  <si>
    <t>透析管理関連</t>
  </si>
  <si>
    <t>栄養及び水分管理に係る薬剤投与関連</t>
  </si>
  <si>
    <t>感染に係る薬剤投与関連</t>
  </si>
  <si>
    <t>血糖コントロールに係る薬剤投与関連</t>
  </si>
  <si>
    <t>循環動態に係る薬剤投与関連</t>
  </si>
  <si>
    <t>精神及び神経症状に係る薬剤投与関連</t>
  </si>
  <si>
    <t>皮膚損傷に係る薬剤投与関連</t>
  </si>
  <si>
    <t>20歳代</t>
    <rPh sb="2" eb="4">
      <t>サイダイ</t>
    </rPh>
    <phoneticPr fontId="1"/>
  </si>
  <si>
    <t>30歳代</t>
    <rPh sb="2" eb="4">
      <t>サイダイ</t>
    </rPh>
    <phoneticPr fontId="1"/>
  </si>
  <si>
    <t>40歳代</t>
    <rPh sb="2" eb="4">
      <t>サイダイ</t>
    </rPh>
    <phoneticPr fontId="1"/>
  </si>
  <si>
    <t>50歳代</t>
    <rPh sb="2" eb="4">
      <t>サイダイ</t>
    </rPh>
    <phoneticPr fontId="1"/>
  </si>
  <si>
    <t>60歳代</t>
    <rPh sb="2" eb="4">
      <t>サイダイ</t>
    </rPh>
    <phoneticPr fontId="1"/>
  </si>
  <si>
    <t>人数（人）</t>
    <phoneticPr fontId="1"/>
  </si>
  <si>
    <t>常勤(人)</t>
    <rPh sb="0" eb="2">
      <t>ジョウキン</t>
    </rPh>
    <phoneticPr fontId="1"/>
  </si>
  <si>
    <t>非常勤(人)</t>
    <rPh sb="0" eb="3">
      <t>ヒジョウキン</t>
    </rPh>
    <phoneticPr fontId="1"/>
  </si>
  <si>
    <t>合計(人)</t>
    <rPh sb="0" eb="2">
      <t>ゴウケイ</t>
    </rPh>
    <phoneticPr fontId="1"/>
  </si>
  <si>
    <t>人数(人)</t>
  </si>
  <si>
    <t>人数(人)</t>
    <rPh sb="3" eb="4">
      <t>ヒト</t>
    </rPh>
    <phoneticPr fontId="1"/>
  </si>
  <si>
    <t>R１年度(n=349)</t>
    <rPh sb="2" eb="4">
      <t>ネンド</t>
    </rPh>
    <phoneticPr fontId="1"/>
  </si>
  <si>
    <t>他STに転職</t>
    <rPh sb="0" eb="1">
      <t>タ</t>
    </rPh>
    <rPh sb="4" eb="6">
      <t>テンショク</t>
    </rPh>
    <phoneticPr fontId="1"/>
  </si>
  <si>
    <t>ST以外の他施設に転職</t>
    <rPh sb="2" eb="4">
      <t>イガイ</t>
    </rPh>
    <rPh sb="5" eb="6">
      <t>タ</t>
    </rPh>
    <rPh sb="6" eb="8">
      <t>シセツ</t>
    </rPh>
    <rPh sb="9" eb="11">
      <t>テンショク</t>
    </rPh>
    <phoneticPr fontId="1"/>
  </si>
  <si>
    <t>非　常　勤</t>
    <rPh sb="0" eb="1">
      <t>ヒ</t>
    </rPh>
    <rPh sb="2" eb="3">
      <t>ツネ</t>
    </rPh>
    <rPh sb="4" eb="5">
      <t>ツトム</t>
    </rPh>
    <phoneticPr fontId="1"/>
  </si>
  <si>
    <t>事務職員</t>
    <rPh sb="0" eb="2">
      <t>ジム</t>
    </rPh>
    <rPh sb="2" eb="4">
      <t>ショクイン</t>
    </rPh>
    <phoneticPr fontId="1"/>
  </si>
  <si>
    <t>精神保健福祉士</t>
    <rPh sb="0" eb="7">
      <t>セイシンホケンフクシシ</t>
    </rPh>
    <phoneticPr fontId="1"/>
  </si>
  <si>
    <t>介護福祉士</t>
    <rPh sb="0" eb="2">
      <t>カイゴ</t>
    </rPh>
    <rPh sb="2" eb="5">
      <t>フクシシ</t>
    </rPh>
    <phoneticPr fontId="1"/>
  </si>
  <si>
    <t>介護支援専門員</t>
    <rPh sb="0" eb="7">
      <t>カイゴシエンセンモンイン</t>
    </rPh>
    <phoneticPr fontId="1"/>
  </si>
  <si>
    <t>２．看護職員離職率</t>
    <rPh sb="2" eb="4">
      <t>カンゴ</t>
    </rPh>
    <rPh sb="4" eb="6">
      <t>ショクイン</t>
    </rPh>
    <rPh sb="6" eb="9">
      <t>リショクリツ</t>
    </rPh>
    <phoneticPr fontId="1"/>
  </si>
  <si>
    <t>上記うち管理者</t>
    <rPh sb="0" eb="2">
      <t>ジョウキ</t>
    </rPh>
    <rPh sb="4" eb="7">
      <t>カンリシャ</t>
    </rPh>
    <phoneticPr fontId="1"/>
  </si>
  <si>
    <t>回答件数</t>
    <rPh sb="0" eb="2">
      <t>カイトウ</t>
    </rPh>
    <rPh sb="2" eb="4">
      <t>ケンスウ</t>
    </rPh>
    <phoneticPr fontId="31"/>
  </si>
  <si>
    <t>不明</t>
    <rPh sb="0" eb="2">
      <t>フメイ</t>
    </rPh>
    <phoneticPr fontId="31"/>
  </si>
  <si>
    <t>合計</t>
    <rPh sb="0" eb="2">
      <t>ゴウケイ</t>
    </rPh>
    <phoneticPr fontId="31"/>
  </si>
  <si>
    <t>県内就職先</t>
    <rPh sb="0" eb="2">
      <t>ケンナイ</t>
    </rPh>
    <rPh sb="2" eb="4">
      <t>シュウショク</t>
    </rPh>
    <rPh sb="4" eb="5">
      <t>サキ</t>
    </rPh>
    <phoneticPr fontId="31"/>
  </si>
  <si>
    <t>人数</t>
    <rPh sb="0" eb="2">
      <t>ニンズウ</t>
    </rPh>
    <phoneticPr fontId="31"/>
  </si>
  <si>
    <t>他の病院</t>
    <rPh sb="0" eb="1">
      <t>タ</t>
    </rPh>
    <rPh sb="2" eb="4">
      <t>ビョウイン</t>
    </rPh>
    <phoneticPr fontId="31"/>
  </si>
  <si>
    <t>訪問看護ＳＴ</t>
    <rPh sb="0" eb="4">
      <t>ホウモンカンゴ</t>
    </rPh>
    <phoneticPr fontId="31"/>
  </si>
  <si>
    <t>老健・特養</t>
    <rPh sb="0" eb="2">
      <t>ロウケン</t>
    </rPh>
    <rPh sb="3" eb="5">
      <t>トクヨウ</t>
    </rPh>
    <phoneticPr fontId="31"/>
  </si>
  <si>
    <t>その他</t>
    <rPh sb="2" eb="3">
      <t>ホカ</t>
    </rPh>
    <phoneticPr fontId="31"/>
  </si>
  <si>
    <t>1年～5年未満</t>
    <rPh sb="1" eb="2">
      <t>ネン</t>
    </rPh>
    <rPh sb="4" eb="5">
      <t>ネン</t>
    </rPh>
    <rPh sb="5" eb="7">
      <t>ミマン</t>
    </rPh>
    <phoneticPr fontId="1"/>
  </si>
  <si>
    <t>クリニック・診療所</t>
    <rPh sb="6" eb="9">
      <t>シンリョウジョ</t>
    </rPh>
    <phoneticPr fontId="1"/>
  </si>
  <si>
    <t>訪問看護ＳＴ</t>
    <rPh sb="0" eb="2">
      <t>ホウモン</t>
    </rPh>
    <rPh sb="2" eb="4">
      <t>カンゴ</t>
    </rPh>
    <phoneticPr fontId="1"/>
  </si>
  <si>
    <t>就業先</t>
    <rPh sb="0" eb="2">
      <t>シュウギョウ</t>
    </rPh>
    <rPh sb="2" eb="3">
      <t>サキ</t>
    </rPh>
    <phoneticPr fontId="1"/>
  </si>
  <si>
    <t>定年退職後</t>
    <rPh sb="0" eb="2">
      <t>テイネン</t>
    </rPh>
    <rPh sb="2" eb="4">
      <t>タイショク</t>
    </rPh>
    <rPh sb="4" eb="5">
      <t>ゴ</t>
    </rPh>
    <phoneticPr fontId="1"/>
  </si>
  <si>
    <r>
      <t xml:space="preserve">病院 </t>
    </r>
    <r>
      <rPr>
        <sz val="10"/>
        <rFont val="ＭＳ Ｐ明朝"/>
        <family val="1"/>
        <charset val="128"/>
      </rPr>
      <t>*</t>
    </r>
    <rPh sb="0" eb="2">
      <t>ビョウイン</t>
    </rPh>
    <phoneticPr fontId="1"/>
  </si>
  <si>
    <t>高齢者福祉保健施設</t>
    <rPh sb="0" eb="3">
      <t>コウレイシャ</t>
    </rPh>
    <rPh sb="3" eb="5">
      <t>フクシ</t>
    </rPh>
    <rPh sb="5" eb="7">
      <t>ホケン</t>
    </rPh>
    <rPh sb="7" eb="9">
      <t>シセツ</t>
    </rPh>
    <phoneticPr fontId="1"/>
  </si>
  <si>
    <t>養成所</t>
    <rPh sb="0" eb="2">
      <t>ヨウセイ</t>
    </rPh>
    <rPh sb="2" eb="3">
      <t>ジョ</t>
    </rPh>
    <phoneticPr fontId="1"/>
  </si>
  <si>
    <t>3年以上離職</t>
    <rPh sb="1" eb="4">
      <t>ネンイジョウ</t>
    </rPh>
    <rPh sb="4" eb="6">
      <t>リショク</t>
    </rPh>
    <phoneticPr fontId="1"/>
  </si>
  <si>
    <t>その他（不明含）</t>
    <rPh sb="2" eb="3">
      <t>タ</t>
    </rPh>
    <rPh sb="4" eb="6">
      <t>フメイ</t>
    </rPh>
    <rPh sb="6" eb="7">
      <t>フク</t>
    </rPh>
    <phoneticPr fontId="1"/>
  </si>
  <si>
    <t>新卒者</t>
    <rPh sb="0" eb="3">
      <t>シンソツシャ</t>
    </rPh>
    <phoneticPr fontId="1"/>
  </si>
  <si>
    <t>新任者</t>
    <rPh sb="0" eb="3">
      <t>シンニンシャ</t>
    </rPh>
    <phoneticPr fontId="1"/>
  </si>
  <si>
    <t>スタッフ指導法</t>
    <rPh sb="4" eb="7">
      <t>シドウホウ</t>
    </rPh>
    <phoneticPr fontId="1"/>
  </si>
  <si>
    <t>資格・講習会名</t>
    <rPh sb="0" eb="2">
      <t>シカク</t>
    </rPh>
    <rPh sb="3" eb="6">
      <t>コウシュウカイ</t>
    </rPh>
    <rPh sb="6" eb="7">
      <t>メイ</t>
    </rPh>
    <phoneticPr fontId="1"/>
  </si>
  <si>
    <t>８．特定行為研修制度</t>
    <rPh sb="2" eb="4">
      <t>トクテイ</t>
    </rPh>
    <rPh sb="4" eb="6">
      <t>コウイ</t>
    </rPh>
    <rPh sb="6" eb="8">
      <t>ケンシュウ</t>
    </rPh>
    <rPh sb="8" eb="10">
      <t>セイド</t>
    </rPh>
    <phoneticPr fontId="31"/>
  </si>
  <si>
    <t>県西</t>
    <rPh sb="0" eb="2">
      <t>ケンセイ</t>
    </rPh>
    <phoneticPr fontId="1"/>
  </si>
  <si>
    <t>　　　特定行為区分の名称</t>
    <rPh sb="3" eb="5">
      <t>トクテイ</t>
    </rPh>
    <rPh sb="5" eb="7">
      <t>コウイ</t>
    </rPh>
    <rPh sb="7" eb="9">
      <t>クブン</t>
    </rPh>
    <rPh sb="10" eb="12">
      <t>メイショウ</t>
    </rPh>
    <phoneticPr fontId="17"/>
  </si>
  <si>
    <t>修了者人数</t>
    <rPh sb="0" eb="3">
      <t>シュウリョウシャ</t>
    </rPh>
    <rPh sb="3" eb="5">
      <t>ニンズウ</t>
    </rPh>
    <phoneticPr fontId="17"/>
  </si>
  <si>
    <t>栄養に係るカテーテル管理（末梢留置型中心静脈注射用カテーテル管理）関連</t>
    <phoneticPr fontId="17"/>
  </si>
  <si>
    <t>術後疼痛管理関連</t>
    <rPh sb="2" eb="3">
      <t>トウ</t>
    </rPh>
    <phoneticPr fontId="17"/>
  </si>
  <si>
    <t>合計（延べ）</t>
    <rPh sb="0" eb="2">
      <t>ゴウケイ</t>
    </rPh>
    <rPh sb="3" eb="4">
      <t>ノ</t>
    </rPh>
    <phoneticPr fontId="17"/>
  </si>
  <si>
    <t>必要がない</t>
    <rPh sb="0" eb="2">
      <t>ヒツヨウ</t>
    </rPh>
    <phoneticPr fontId="1"/>
  </si>
  <si>
    <t>時間的余裕がない</t>
    <rPh sb="0" eb="3">
      <t>ジカンテキ</t>
    </rPh>
    <rPh sb="3" eb="5">
      <t>ヨユウ</t>
    </rPh>
    <phoneticPr fontId="1"/>
  </si>
  <si>
    <t>経済的余裕がない</t>
    <rPh sb="0" eb="3">
      <t>ケイザイテキ</t>
    </rPh>
    <rPh sb="3" eb="5">
      <t>ヨユウ</t>
    </rPh>
    <phoneticPr fontId="1"/>
  </si>
  <si>
    <t>総施設数</t>
    <rPh sb="0" eb="1">
      <t>ソウ</t>
    </rPh>
    <rPh sb="1" eb="3">
      <t>シセツ</t>
    </rPh>
    <rPh sb="3" eb="4">
      <t>スウ</t>
    </rPh>
    <phoneticPr fontId="1"/>
  </si>
  <si>
    <t>修了者等のいる施設</t>
    <rPh sb="0" eb="3">
      <t>シュウリョウシャ</t>
    </rPh>
    <rPh sb="3" eb="4">
      <t>トウ</t>
    </rPh>
    <rPh sb="7" eb="9">
      <t>シセツ</t>
    </rPh>
    <phoneticPr fontId="1"/>
  </si>
  <si>
    <t>※複数回答可</t>
    <rPh sb="1" eb="3">
      <t>フクスウ</t>
    </rPh>
    <rPh sb="3" eb="5">
      <t>カイトウ</t>
    </rPh>
    <rPh sb="5" eb="6">
      <t>カ</t>
    </rPh>
    <phoneticPr fontId="1"/>
  </si>
  <si>
    <t>R2.4.1職員数　</t>
    <rPh sb="6" eb="8">
      <t>ショクイン</t>
    </rPh>
    <rPh sb="8" eb="9">
      <t>スウ</t>
    </rPh>
    <phoneticPr fontId="1"/>
  </si>
  <si>
    <t>R3.3.31職員数</t>
    <rPh sb="7" eb="10">
      <t>ショクインスウ</t>
    </rPh>
    <phoneticPr fontId="1"/>
  </si>
  <si>
    <t>離職率（％）＝退職者数/平均職員数＊100</t>
    <rPh sb="0" eb="3">
      <t>リショクリツ</t>
    </rPh>
    <rPh sb="7" eb="9">
      <t>タイショク</t>
    </rPh>
    <rPh sb="9" eb="10">
      <t>シャ</t>
    </rPh>
    <rPh sb="10" eb="11">
      <t>スウ</t>
    </rPh>
    <rPh sb="12" eb="14">
      <t>ヘイキン</t>
    </rPh>
    <rPh sb="14" eb="16">
      <t>ショクイン</t>
    </rPh>
    <rPh sb="16" eb="17">
      <t>スウ</t>
    </rPh>
    <phoneticPr fontId="1"/>
  </si>
  <si>
    <t>Ｒ2.4.1～Ｒ3.3.31の退職者数</t>
    <rPh sb="15" eb="17">
      <t>タイショク</t>
    </rPh>
    <rPh sb="17" eb="18">
      <t>シャ</t>
    </rPh>
    <rPh sb="18" eb="19">
      <t>スウ</t>
    </rPh>
    <phoneticPr fontId="1"/>
  </si>
  <si>
    <t>(Ｒ2.4.1職員数＋Ｒ3.3.31職員数)/２</t>
    <rPh sb="7" eb="10">
      <t>ショクインスウ</t>
    </rPh>
    <rPh sb="18" eb="21">
      <t>ショクインスウ</t>
    </rPh>
    <phoneticPr fontId="1"/>
  </si>
  <si>
    <t>看護職以外に転職</t>
    <rPh sb="0" eb="3">
      <t>カンゴショク</t>
    </rPh>
    <rPh sb="3" eb="5">
      <t>イガイ</t>
    </rPh>
    <rPh sb="6" eb="8">
      <t>テンショク</t>
    </rPh>
    <phoneticPr fontId="31"/>
  </si>
  <si>
    <t>結婚</t>
    <rPh sb="0" eb="2">
      <t>ケッコン</t>
    </rPh>
    <phoneticPr fontId="31"/>
  </si>
  <si>
    <t>出産
育児</t>
    <rPh sb="0" eb="2">
      <t>シュッサン</t>
    </rPh>
    <rPh sb="3" eb="5">
      <t>イクジ</t>
    </rPh>
    <phoneticPr fontId="31"/>
  </si>
  <si>
    <t>進学</t>
    <rPh sb="0" eb="2">
      <t>シンガク</t>
    </rPh>
    <phoneticPr fontId="31"/>
  </si>
  <si>
    <t>本人の
心身の不良</t>
    <rPh sb="0" eb="2">
      <t>ホンニン</t>
    </rPh>
    <rPh sb="4" eb="6">
      <t>シンシン</t>
    </rPh>
    <rPh sb="7" eb="9">
      <t>フリョウ</t>
    </rPh>
    <phoneticPr fontId="31"/>
  </si>
  <si>
    <t>家族の
健康・介護</t>
    <rPh sb="0" eb="2">
      <t>カゾク</t>
    </rPh>
    <rPh sb="4" eb="6">
      <t>ケンコウ</t>
    </rPh>
    <rPh sb="7" eb="9">
      <t>カイゴ</t>
    </rPh>
    <phoneticPr fontId="31"/>
  </si>
  <si>
    <t>転居</t>
    <rPh sb="0" eb="2">
      <t>テンキョ</t>
    </rPh>
    <phoneticPr fontId="31"/>
  </si>
  <si>
    <t>教育体制</t>
    <rPh sb="0" eb="2">
      <t>キョウイク</t>
    </rPh>
    <rPh sb="2" eb="4">
      <t>タイセイ</t>
    </rPh>
    <phoneticPr fontId="31"/>
  </si>
  <si>
    <t>勤務負担の
重さ</t>
    <rPh sb="0" eb="2">
      <t>キンム</t>
    </rPh>
    <rPh sb="2" eb="4">
      <t>フタン</t>
    </rPh>
    <rPh sb="6" eb="7">
      <t>オモ</t>
    </rPh>
    <phoneticPr fontId="31"/>
  </si>
  <si>
    <t>給与
福利厚生</t>
    <rPh sb="0" eb="2">
      <t>キュウヨ</t>
    </rPh>
    <rPh sb="3" eb="5">
      <t>フクリ</t>
    </rPh>
    <rPh sb="5" eb="7">
      <t>コウセイ</t>
    </rPh>
    <phoneticPr fontId="31"/>
  </si>
  <si>
    <t>職場の
人間関係</t>
    <rPh sb="0" eb="2">
      <t>ショクバ</t>
    </rPh>
    <rPh sb="4" eb="6">
      <t>ニンゲン</t>
    </rPh>
    <rPh sb="6" eb="8">
      <t>カンケイ</t>
    </rPh>
    <phoneticPr fontId="31"/>
  </si>
  <si>
    <t>その他</t>
    <rPh sb="2" eb="3">
      <t>タ</t>
    </rPh>
    <phoneticPr fontId="31"/>
  </si>
  <si>
    <t>県内</t>
    <rPh sb="0" eb="2">
      <t>ケンナイ</t>
    </rPh>
    <phoneticPr fontId="31"/>
  </si>
  <si>
    <t>県外</t>
    <rPh sb="0" eb="2">
      <t>ケンガイ</t>
    </rPh>
    <phoneticPr fontId="31"/>
  </si>
  <si>
    <t>決まっていない</t>
    <rPh sb="0" eb="1">
      <t>キ</t>
    </rPh>
    <phoneticPr fontId="31"/>
  </si>
  <si>
    <t>使用している</t>
    <rPh sb="0" eb="2">
      <t>シヨウ</t>
    </rPh>
    <phoneticPr fontId="1"/>
  </si>
  <si>
    <t>使用していない</t>
    <rPh sb="0" eb="2">
      <t>シヨウ</t>
    </rPh>
    <phoneticPr fontId="1"/>
  </si>
  <si>
    <t>４．経験者採用の状況</t>
    <rPh sb="2" eb="5">
      <t>ケイケンシャ</t>
    </rPh>
    <rPh sb="5" eb="7">
      <t>サイヨウ</t>
    </rPh>
    <rPh sb="8" eb="10">
      <t>ジョウキョウ</t>
    </rPh>
    <phoneticPr fontId="1"/>
  </si>
  <si>
    <t>３．退職理由</t>
    <rPh sb="2" eb="4">
      <t>タイショク</t>
    </rPh>
    <rPh sb="4" eb="6">
      <t>リユウ</t>
    </rPh>
    <phoneticPr fontId="1"/>
  </si>
  <si>
    <t>５．新卒新採用の状況</t>
    <rPh sb="2" eb="4">
      <t>シンソツ</t>
    </rPh>
    <rPh sb="4" eb="7">
      <t>シンサイヨウ</t>
    </rPh>
    <rPh sb="8" eb="10">
      <t>ジョウキョウ</t>
    </rPh>
    <phoneticPr fontId="1"/>
  </si>
  <si>
    <t>７．資格保有者・講習会受講の状況</t>
    <rPh sb="2" eb="4">
      <t>シカク</t>
    </rPh>
    <rPh sb="4" eb="7">
      <t>ホユウシャ</t>
    </rPh>
    <rPh sb="8" eb="11">
      <t>コウシュウカイ</t>
    </rPh>
    <rPh sb="11" eb="13">
      <t>ジュコウ</t>
    </rPh>
    <phoneticPr fontId="1"/>
  </si>
  <si>
    <t>-</t>
    <phoneticPr fontId="1"/>
  </si>
  <si>
    <t>R２年度(n=331)</t>
    <rPh sb="2" eb="4">
      <t>ネンド</t>
    </rPh>
    <phoneticPr fontId="1"/>
  </si>
  <si>
    <t>救急看護</t>
    <rPh sb="0" eb="2">
      <t>キュウキュウ</t>
    </rPh>
    <rPh sb="2" eb="4">
      <t>カンゴ</t>
    </rPh>
    <phoneticPr fontId="1"/>
  </si>
  <si>
    <t>がん性疼痛看護</t>
    <rPh sb="2" eb="3">
      <t>セイ</t>
    </rPh>
    <rPh sb="3" eb="5">
      <t>トウツウ</t>
    </rPh>
    <rPh sb="5" eb="7">
      <t>カンゴ</t>
    </rPh>
    <phoneticPr fontId="1"/>
  </si>
  <si>
    <t>透析看護</t>
    <rPh sb="0" eb="2">
      <t>トウセキ</t>
    </rPh>
    <rPh sb="2" eb="4">
      <t>カンゴ</t>
    </rPh>
    <phoneticPr fontId="1"/>
  </si>
  <si>
    <t>認知症看護</t>
    <rPh sb="0" eb="3">
      <t>ニンチショウ</t>
    </rPh>
    <rPh sb="3" eb="5">
      <t>カンゴ</t>
    </rPh>
    <phoneticPr fontId="1"/>
  </si>
  <si>
    <t>その他分類不能</t>
    <rPh sb="2" eb="3">
      <t>ホカ</t>
    </rPh>
    <rPh sb="3" eb="7">
      <t>ブンルイフノウ</t>
    </rPh>
    <phoneticPr fontId="1"/>
  </si>
  <si>
    <t>その他の福祉施設・サービス、保健所等</t>
    <rPh sb="2" eb="3">
      <t>ホカ</t>
    </rPh>
    <rPh sb="4" eb="6">
      <t>フクシ</t>
    </rPh>
    <rPh sb="6" eb="8">
      <t>シセツ</t>
    </rPh>
    <rPh sb="14" eb="17">
      <t>ホケンジョ</t>
    </rPh>
    <rPh sb="17" eb="18">
      <t>トウ</t>
    </rPh>
    <phoneticPr fontId="1"/>
  </si>
  <si>
    <t>一般企業等</t>
    <rPh sb="0" eb="5">
      <t>イッパンキギョウトウ</t>
    </rPh>
    <phoneticPr fontId="1"/>
  </si>
  <si>
    <t>3年未満の離職</t>
    <rPh sb="1" eb="2">
      <t>ネン</t>
    </rPh>
    <rPh sb="2" eb="4">
      <t>ミマン</t>
    </rPh>
    <rPh sb="5" eb="7">
      <t>リショク</t>
    </rPh>
    <phoneticPr fontId="1"/>
  </si>
  <si>
    <t>令和3年度以降
（１年未満）</t>
    <rPh sb="0" eb="2">
      <t>レイワ</t>
    </rPh>
    <rPh sb="3" eb="5">
      <t>ネンド</t>
    </rPh>
    <rPh sb="5" eb="7">
      <t>イコウ</t>
    </rPh>
    <phoneticPr fontId="1"/>
  </si>
  <si>
    <t>平成23年度以前
（10年以上）</t>
    <rPh sb="0" eb="2">
      <t>ヘイセイ</t>
    </rPh>
    <rPh sb="4" eb="6">
      <t>ネンド</t>
    </rPh>
    <rPh sb="6" eb="8">
      <t>イゼン</t>
    </rPh>
    <rPh sb="12" eb="15">
      <t>ネンイジョウ</t>
    </rPh>
    <phoneticPr fontId="1"/>
  </si>
  <si>
    <t>※今回調査より項目を再編、複数選択ではなく1つのみの選択とした</t>
    <rPh sb="1" eb="3">
      <t>コンカイ</t>
    </rPh>
    <rPh sb="3" eb="5">
      <t>チョウサ</t>
    </rPh>
    <rPh sb="7" eb="9">
      <t>コウモク</t>
    </rPh>
    <rPh sb="10" eb="12">
      <t>サイヘン</t>
    </rPh>
    <rPh sb="13" eb="15">
      <t>フクスウ</t>
    </rPh>
    <rPh sb="15" eb="17">
      <t>センタク</t>
    </rPh>
    <rPh sb="26" eb="28">
      <t>センタク</t>
    </rPh>
    <phoneticPr fontId="1"/>
  </si>
  <si>
    <t>その他・不明</t>
    <rPh sb="2" eb="3">
      <t>タ</t>
    </rPh>
    <rPh sb="4" eb="6">
      <t>フメイ</t>
    </rPh>
    <phoneticPr fontId="31"/>
  </si>
  <si>
    <t>事業所数</t>
    <rPh sb="0" eb="3">
      <t>ジギョウショ</t>
    </rPh>
    <rPh sb="3" eb="4">
      <t>スウ</t>
    </rPh>
    <phoneticPr fontId="31"/>
  </si>
  <si>
    <t>合　計</t>
    <phoneticPr fontId="1"/>
  </si>
  <si>
    <t>常勤換算数</t>
    <rPh sb="0" eb="4">
      <t>ジョウキンカンサン</t>
    </rPh>
    <rPh sb="4" eb="5">
      <t>スウ</t>
    </rPh>
    <phoneticPr fontId="31"/>
  </si>
  <si>
    <t>合　計</t>
    <phoneticPr fontId="1"/>
  </si>
  <si>
    <t>-</t>
    <phoneticPr fontId="1"/>
  </si>
  <si>
    <t>病院・診療所以外の看護（保育・助産等）</t>
    <rPh sb="0" eb="2">
      <t>ビョウイン</t>
    </rPh>
    <rPh sb="3" eb="8">
      <t>シンリョウジョイガイ</t>
    </rPh>
    <rPh sb="9" eb="11">
      <t>カンゴ</t>
    </rPh>
    <rPh sb="12" eb="14">
      <t>ホイク</t>
    </rPh>
    <rPh sb="15" eb="17">
      <t>ジョサン</t>
    </rPh>
    <rPh sb="17" eb="18">
      <t>トウ</t>
    </rPh>
    <phoneticPr fontId="1"/>
  </si>
  <si>
    <t>あり</t>
    <phoneticPr fontId="1"/>
  </si>
  <si>
    <t>なし</t>
    <phoneticPr fontId="1"/>
  </si>
  <si>
    <t>使用方法</t>
    <rPh sb="0" eb="2">
      <t>シヨウ</t>
    </rPh>
    <rPh sb="2" eb="4">
      <t>ホウホウ</t>
    </rPh>
    <phoneticPr fontId="1"/>
  </si>
  <si>
    <t>育成マニュアル</t>
    <rPh sb="0" eb="2">
      <t>イクセイ</t>
    </rPh>
    <phoneticPr fontId="1"/>
  </si>
  <si>
    <t>育成プログラム</t>
    <rPh sb="0" eb="2">
      <t>イクセイ</t>
    </rPh>
    <phoneticPr fontId="1"/>
  </si>
  <si>
    <t>脳卒中リハビリ看護</t>
    <rPh sb="0" eb="3">
      <t>ノウソッチュウ</t>
    </rPh>
    <rPh sb="7" eb="9">
      <t>カンゴ</t>
    </rPh>
    <phoneticPr fontId="1"/>
  </si>
  <si>
    <t>ナースプラクティショナー</t>
    <phoneticPr fontId="1"/>
  </si>
  <si>
    <t>がん化学療法看護</t>
    <rPh sb="2" eb="4">
      <t>カガク</t>
    </rPh>
    <rPh sb="4" eb="6">
      <t>リョウホウ</t>
    </rPh>
    <rPh sb="6" eb="8">
      <t>カンゴ</t>
    </rPh>
    <phoneticPr fontId="1"/>
  </si>
  <si>
    <t>新生児集中ケア</t>
    <rPh sb="0" eb="3">
      <t>シンセイジ</t>
    </rPh>
    <rPh sb="3" eb="5">
      <t>シュウチュウ</t>
    </rPh>
    <phoneticPr fontId="1"/>
  </si>
  <si>
    <t>いると回答した事業所</t>
    <rPh sb="3" eb="5">
      <t>カイトウ</t>
    </rPh>
    <rPh sb="7" eb="10">
      <t>ジギョウショ</t>
    </rPh>
    <phoneticPr fontId="1"/>
  </si>
  <si>
    <t>いないと回答した事業所</t>
    <rPh sb="4" eb="6">
      <t>カイトウ</t>
    </rPh>
    <rPh sb="8" eb="11">
      <t>ジギョウショ</t>
    </rPh>
    <phoneticPr fontId="1"/>
  </si>
  <si>
    <t>n=545</t>
    <phoneticPr fontId="1"/>
  </si>
  <si>
    <t>受講修了者</t>
    <rPh sb="0" eb="2">
      <t>ジュコウ</t>
    </rPh>
    <rPh sb="2" eb="5">
      <t>シュウリョウシャ</t>
    </rPh>
    <phoneticPr fontId="1"/>
  </si>
  <si>
    <t>R2受講</t>
    <rPh sb="2" eb="4">
      <t>ジュコウ</t>
    </rPh>
    <phoneticPr fontId="1"/>
  </si>
  <si>
    <t>R3受講予定</t>
    <rPh sb="2" eb="4">
      <t>ジュコウ</t>
    </rPh>
    <rPh sb="4" eb="6">
      <t>ヨテイ</t>
    </rPh>
    <phoneticPr fontId="1"/>
  </si>
  <si>
    <t>ある</t>
    <phoneticPr fontId="1"/>
  </si>
  <si>
    <t>ない</t>
    <phoneticPr fontId="1"/>
  </si>
  <si>
    <t>合計</t>
    <phoneticPr fontId="1"/>
  </si>
  <si>
    <t>福祉用具相談員、ヘルパー職員（各１名）</t>
  </si>
  <si>
    <t>管理栄養士、ヘルパー職員、看護補助者、音楽療法士（各１名）</t>
    <phoneticPr fontId="1"/>
  </si>
  <si>
    <t>母性看護</t>
    <rPh sb="0" eb="2">
      <t>ボセイ</t>
    </rPh>
    <rPh sb="2" eb="4">
      <t>カンゴ</t>
    </rPh>
    <phoneticPr fontId="1"/>
  </si>
  <si>
    <t>前回（R1年度）構成比</t>
    <rPh sb="0" eb="2">
      <t>ゼンカイ</t>
    </rPh>
    <rPh sb="5" eb="7">
      <t>ネンド</t>
    </rPh>
    <rPh sb="8" eb="11">
      <t>コウセイヒ</t>
    </rPh>
    <phoneticPr fontId="1"/>
  </si>
  <si>
    <t>開設年度
（開設期間）</t>
    <rPh sb="0" eb="2">
      <t>カイセツ</t>
    </rPh>
    <rPh sb="2" eb="4">
      <t>ネンド</t>
    </rPh>
    <rPh sb="6" eb="8">
      <t>カイセツ</t>
    </rPh>
    <rPh sb="8" eb="10">
      <t>キカン</t>
    </rPh>
    <phoneticPr fontId="1"/>
  </si>
  <si>
    <t>平成31～令和2年度
（1～3年未満）</t>
    <rPh sb="0" eb="2">
      <t>ヘイセイ</t>
    </rPh>
    <rPh sb="5" eb="7">
      <t>レイワ</t>
    </rPh>
    <rPh sb="8" eb="10">
      <t>ネンド</t>
    </rPh>
    <rPh sb="15" eb="16">
      <t>ネン</t>
    </rPh>
    <rPh sb="16" eb="18">
      <t>ミマン</t>
    </rPh>
    <phoneticPr fontId="1"/>
  </si>
  <si>
    <t>平成29,30年度
（3～5年未満）</t>
    <rPh sb="0" eb="2">
      <t>ヘイセイ</t>
    </rPh>
    <rPh sb="7" eb="9">
      <t>ネンド</t>
    </rPh>
    <rPh sb="14" eb="15">
      <t>ネン</t>
    </rPh>
    <rPh sb="15" eb="17">
      <t>ミマン</t>
    </rPh>
    <phoneticPr fontId="1"/>
  </si>
  <si>
    <t>平成24～28年度
（5～10年未満）</t>
    <rPh sb="0" eb="2">
      <t>ヘイセイ</t>
    </rPh>
    <rPh sb="7" eb="9">
      <t>ネンド</t>
    </rPh>
    <rPh sb="15" eb="16">
      <t>ネン</t>
    </rPh>
    <rPh sb="16" eb="18">
      <t>ミマン</t>
    </rPh>
    <phoneticPr fontId="1"/>
  </si>
  <si>
    <t>　希望者がいない</t>
    <rPh sb="1" eb="4">
      <t>キボウシャ</t>
    </rPh>
    <phoneticPr fontId="1"/>
  </si>
  <si>
    <t>　人員が足りない、子育て中職員が多いため、代替職員の調整ができないため</t>
    <rPh sb="1" eb="3">
      <t>ジンイン</t>
    </rPh>
    <rPh sb="4" eb="5">
      <t>タ</t>
    </rPh>
    <rPh sb="9" eb="11">
      <t>コソダ</t>
    </rPh>
    <rPh sb="12" eb="13">
      <t>チュウ</t>
    </rPh>
    <rPh sb="13" eb="15">
      <t>ショクイン</t>
    </rPh>
    <rPh sb="16" eb="17">
      <t>オオ</t>
    </rPh>
    <rPh sb="21" eb="23">
      <t>ダイタイ</t>
    </rPh>
    <rPh sb="23" eb="25">
      <t>ショクイン</t>
    </rPh>
    <rPh sb="26" eb="28">
      <t>チョウセイ</t>
    </rPh>
    <phoneticPr fontId="1"/>
  </si>
  <si>
    <t>　受講資格のある職員がいない</t>
    <rPh sb="1" eb="3">
      <t>ジュコウ</t>
    </rPh>
    <rPh sb="3" eb="5">
      <t>シカク</t>
    </rPh>
    <rPh sb="8" eb="10">
      <t>ショクイン</t>
    </rPh>
    <phoneticPr fontId="1"/>
  </si>
  <si>
    <t>　開所間もないため余裕がない</t>
    <rPh sb="1" eb="3">
      <t>カイショ</t>
    </rPh>
    <rPh sb="3" eb="4">
      <t>マ</t>
    </rPh>
    <rPh sb="9" eb="11">
      <t>ヨユウ</t>
    </rPh>
    <phoneticPr fontId="1"/>
  </si>
  <si>
    <t>　地域環境が整っていないことが不安</t>
    <rPh sb="1" eb="3">
      <t>チイキ</t>
    </rPh>
    <rPh sb="3" eb="5">
      <t>カンキョウ</t>
    </rPh>
    <rPh sb="6" eb="7">
      <t>トトノ</t>
    </rPh>
    <rPh sb="15" eb="17">
      <t>フアン</t>
    </rPh>
    <phoneticPr fontId="1"/>
  </si>
  <si>
    <t>　法人の方針、支援体制がない、経営利点が少なく理解が得られない</t>
    <rPh sb="1" eb="3">
      <t>ホウジン</t>
    </rPh>
    <rPh sb="4" eb="6">
      <t>ホウシン</t>
    </rPh>
    <rPh sb="7" eb="9">
      <t>シエン</t>
    </rPh>
    <rPh sb="9" eb="11">
      <t>タイセイ</t>
    </rPh>
    <rPh sb="15" eb="17">
      <t>ケイエイ</t>
    </rPh>
    <rPh sb="17" eb="19">
      <t>リテン</t>
    </rPh>
    <rPh sb="20" eb="21">
      <t>スク</t>
    </rPh>
    <rPh sb="23" eb="25">
      <t>リカイ</t>
    </rPh>
    <rPh sb="26" eb="27">
      <t>エ</t>
    </rPh>
    <phoneticPr fontId="1"/>
  </si>
  <si>
    <t>　困っていない、必要性がない、適応症例がない</t>
    <rPh sb="1" eb="2">
      <t>コマ</t>
    </rPh>
    <rPh sb="8" eb="11">
      <t>ヒツヨウセイ</t>
    </rPh>
    <rPh sb="15" eb="17">
      <t>テキオウ</t>
    </rPh>
    <rPh sb="17" eb="19">
      <t>ショウレイ</t>
    </rPh>
    <phoneticPr fontId="1"/>
  </si>
  <si>
    <t>　今後検討したい</t>
    <rPh sb="1" eb="3">
      <t>コンゴ</t>
    </rPh>
    <rPh sb="3" eb="5">
      <t>ケントウ</t>
    </rPh>
    <phoneticPr fontId="1"/>
  </si>
  <si>
    <t>　検討していたがコロナ禍になってしまった</t>
    <rPh sb="1" eb="3">
      <t>ケントウ</t>
    </rPh>
    <rPh sb="11" eb="12">
      <t>カ</t>
    </rPh>
    <phoneticPr fontId="1"/>
  </si>
  <si>
    <t xml:space="preserve">離職率 </t>
    <phoneticPr fontId="1"/>
  </si>
  <si>
    <t xml:space="preserve">離職率 </t>
    <phoneticPr fontId="1"/>
  </si>
  <si>
    <t>H30年度離職率</t>
    <rPh sb="3" eb="5">
      <t>ネンド</t>
    </rPh>
    <rPh sb="5" eb="8">
      <t>リショクリツ</t>
    </rPh>
    <phoneticPr fontId="1"/>
  </si>
  <si>
    <t>R1年度離職率</t>
    <rPh sb="2" eb="4">
      <t>ネンド</t>
    </rPh>
    <rPh sb="4" eb="7">
      <t>リショクリツ</t>
    </rPh>
    <phoneticPr fontId="1"/>
  </si>
  <si>
    <t>R2年度離職率</t>
    <rPh sb="2" eb="4">
      <t>ネンド</t>
    </rPh>
    <rPh sb="4" eb="7">
      <t>リショクリツ</t>
    </rPh>
    <phoneticPr fontId="1"/>
  </si>
  <si>
    <t>離職率</t>
    <phoneticPr fontId="1"/>
  </si>
  <si>
    <t>離職率</t>
    <phoneticPr fontId="1"/>
  </si>
  <si>
    <t>構成比　</t>
    <phoneticPr fontId="1"/>
  </si>
  <si>
    <t>構成比　</t>
    <phoneticPr fontId="1"/>
  </si>
  <si>
    <t>昨年度構成比</t>
    <rPh sb="0" eb="3">
      <t>サクネンド</t>
    </rPh>
    <rPh sb="3" eb="6">
      <t>コウセイヒ</t>
    </rPh>
    <phoneticPr fontId="1"/>
  </si>
  <si>
    <t>（２）-２ （２）-１その他の職種内訳</t>
    <rPh sb="13" eb="14">
      <t>ホカ</t>
    </rPh>
    <rPh sb="15" eb="17">
      <t>ショクシュ</t>
    </rPh>
    <rPh sb="17" eb="19">
      <t>ウチワケ</t>
    </rPh>
    <phoneticPr fontId="1"/>
  </si>
  <si>
    <t>非常勤　</t>
    <rPh sb="0" eb="3">
      <t>ヒジョウキン</t>
    </rPh>
    <phoneticPr fontId="1"/>
  </si>
  <si>
    <t>常勤　</t>
    <rPh sb="0" eb="1">
      <t>ジョウ</t>
    </rPh>
    <rPh sb="1" eb="2">
      <t>ツトム</t>
    </rPh>
    <phoneticPr fontId="1"/>
  </si>
  <si>
    <t>退職者数　　：</t>
    <rPh sb="0" eb="3">
      <t>タイショクシャ</t>
    </rPh>
    <rPh sb="3" eb="4">
      <t>スウ</t>
    </rPh>
    <phoneticPr fontId="1"/>
  </si>
  <si>
    <t>平均職員数　：</t>
    <rPh sb="0" eb="2">
      <t>ヘイキン</t>
    </rPh>
    <rPh sb="2" eb="4">
      <t>ショクイン</t>
    </rPh>
    <rPh sb="4" eb="5">
      <t>スウ</t>
    </rPh>
    <phoneticPr fontId="1"/>
  </si>
  <si>
    <t>*昨年度構成比は公立病院・大学病院・左記以外の病院の合計値</t>
    <rPh sb="1" eb="4">
      <t>サクネンド</t>
    </rPh>
    <rPh sb="4" eb="7">
      <t>コウセイヒ</t>
    </rPh>
    <rPh sb="8" eb="10">
      <t>コウリツ</t>
    </rPh>
    <rPh sb="10" eb="12">
      <t>ビョウイン</t>
    </rPh>
    <rPh sb="13" eb="15">
      <t>ダイガク</t>
    </rPh>
    <rPh sb="15" eb="17">
      <t>ビョウイン</t>
    </rPh>
    <rPh sb="18" eb="20">
      <t>サキ</t>
    </rPh>
    <rPh sb="20" eb="22">
      <t>イガイ</t>
    </rPh>
    <rPh sb="23" eb="25">
      <t>ビョウイン</t>
    </rPh>
    <rPh sb="26" eb="28">
      <t>ゴウケイ</t>
    </rPh>
    <rPh sb="28" eb="29">
      <t>チ</t>
    </rPh>
    <phoneticPr fontId="1"/>
  </si>
  <si>
    <t>新任訪問看護師育成マニュアル 及び 育成プログラムの使用について</t>
    <rPh sb="0" eb="2">
      <t>シンニン</t>
    </rPh>
    <rPh sb="2" eb="4">
      <t>ホウモン</t>
    </rPh>
    <rPh sb="4" eb="6">
      <t>カンゴ</t>
    </rPh>
    <rPh sb="6" eb="7">
      <t>シ</t>
    </rPh>
    <rPh sb="7" eb="9">
      <t>イクセイ</t>
    </rPh>
    <rPh sb="15" eb="16">
      <t>オヨ</t>
    </rPh>
    <rPh sb="18" eb="20">
      <t>イクセイ</t>
    </rPh>
    <rPh sb="26" eb="28">
      <t>シヨウ</t>
    </rPh>
    <phoneticPr fontId="1"/>
  </si>
  <si>
    <t>（２）-２　（２）-１のうち県内に就職が決まっている人(n=233)の就職先内訳</t>
    <rPh sb="14" eb="16">
      <t>ケンナイ</t>
    </rPh>
    <rPh sb="17" eb="19">
      <t>シュウショク</t>
    </rPh>
    <rPh sb="20" eb="21">
      <t>キ</t>
    </rPh>
    <rPh sb="26" eb="27">
      <t>ヒト</t>
    </rPh>
    <rPh sb="35" eb="37">
      <t>シュウショク</t>
    </rPh>
    <rPh sb="37" eb="38">
      <t>サキ</t>
    </rPh>
    <rPh sb="38" eb="40">
      <t>ウチワケ</t>
    </rPh>
    <phoneticPr fontId="1"/>
  </si>
  <si>
    <t>（３）-２　（３）-１のうちその他の内訳</t>
    <rPh sb="16" eb="17">
      <t>ホカ</t>
    </rPh>
    <rPh sb="18" eb="20">
      <t>ウチワケ</t>
    </rPh>
    <phoneticPr fontId="1"/>
  </si>
  <si>
    <t>退職者数</t>
    <rPh sb="0" eb="3">
      <t>タイショクシャ</t>
    </rPh>
    <rPh sb="3" eb="4">
      <t>スウ</t>
    </rPh>
    <phoneticPr fontId="1"/>
  </si>
  <si>
    <t>n=545</t>
  </si>
  <si>
    <t>　１．事業所従業者状況</t>
    <rPh sb="3" eb="6">
      <t>ジギョウショ</t>
    </rPh>
    <rPh sb="6" eb="9">
      <t>ジュウギョウシャ</t>
    </rPh>
    <rPh sb="9" eb="11">
      <t>ジョウキョウ</t>
    </rPh>
    <phoneticPr fontId="1"/>
  </si>
  <si>
    <t>（１）　看護職員</t>
    <rPh sb="4" eb="6">
      <t>カンゴ</t>
    </rPh>
    <rPh sb="6" eb="8">
      <t>ショクイン</t>
    </rPh>
    <phoneticPr fontId="1"/>
  </si>
  <si>
    <t>（２）-１　看護職員以外の従業者数</t>
    <rPh sb="6" eb="8">
      <t>カンゴ</t>
    </rPh>
    <rPh sb="8" eb="10">
      <t>ショクイン</t>
    </rPh>
    <rPh sb="10" eb="12">
      <t>イガイ</t>
    </rPh>
    <rPh sb="13" eb="14">
      <t>ジュウ</t>
    </rPh>
    <rPh sb="14" eb="17">
      <t>ギョウシャスウ</t>
    </rPh>
    <phoneticPr fontId="1"/>
  </si>
  <si>
    <t>（３）　看護職員の年代別構成比（常勤・非常勤の総数、R2.4.1現在）</t>
    <rPh sb="4" eb="6">
      <t>カンゴ</t>
    </rPh>
    <rPh sb="6" eb="8">
      <t>ショクイン</t>
    </rPh>
    <rPh sb="9" eb="12">
      <t>ネンダイベツ</t>
    </rPh>
    <rPh sb="12" eb="14">
      <t>コウセイ</t>
    </rPh>
    <rPh sb="14" eb="15">
      <t>ヒ</t>
    </rPh>
    <rPh sb="16" eb="18">
      <t>ジョウキン</t>
    </rPh>
    <rPh sb="19" eb="22">
      <t>ヒジョウキン</t>
    </rPh>
    <rPh sb="23" eb="25">
      <t>ソウスウ</t>
    </rPh>
    <phoneticPr fontId="1"/>
  </si>
  <si>
    <t>（１）　職種別離職率</t>
    <rPh sb="4" eb="6">
      <t>ショクシュ</t>
    </rPh>
    <rPh sb="6" eb="7">
      <t>ベツ</t>
    </rPh>
    <rPh sb="7" eb="10">
      <t>リショクリツ</t>
    </rPh>
    <phoneticPr fontId="1"/>
  </si>
  <si>
    <t>（２）　職種別離職率・経年推移</t>
    <rPh sb="4" eb="6">
      <t>ショクシュ</t>
    </rPh>
    <rPh sb="6" eb="7">
      <t>ベツ</t>
    </rPh>
    <rPh sb="7" eb="10">
      <t>リショクリツ</t>
    </rPh>
    <rPh sb="11" eb="13">
      <t>ケイネン</t>
    </rPh>
    <rPh sb="13" eb="15">
      <t>スイイ</t>
    </rPh>
    <phoneticPr fontId="1"/>
  </si>
  <si>
    <t>（３）　二次医療圏別離職率</t>
    <rPh sb="4" eb="6">
      <t>ニジ</t>
    </rPh>
    <rPh sb="6" eb="8">
      <t>イリョウ</t>
    </rPh>
    <rPh sb="8" eb="9">
      <t>ケン</t>
    </rPh>
    <rPh sb="9" eb="10">
      <t>ベツ</t>
    </rPh>
    <rPh sb="10" eb="12">
      <t>リショク</t>
    </rPh>
    <rPh sb="12" eb="13">
      <t>リツ</t>
    </rPh>
    <phoneticPr fontId="1"/>
  </si>
  <si>
    <t>（４）　開設年数別離職率</t>
    <rPh sb="4" eb="6">
      <t>カイセツ</t>
    </rPh>
    <rPh sb="6" eb="8">
      <t>ネンスウ</t>
    </rPh>
    <rPh sb="8" eb="9">
      <t>ベツ</t>
    </rPh>
    <rPh sb="9" eb="12">
      <t>リショクリツ</t>
    </rPh>
    <phoneticPr fontId="1"/>
  </si>
  <si>
    <t>（５）-１　看護職員数別離職率（実人員数）</t>
    <rPh sb="6" eb="8">
      <t>カンゴ</t>
    </rPh>
    <rPh sb="8" eb="11">
      <t>ショクインスウ</t>
    </rPh>
    <rPh sb="11" eb="12">
      <t>ベツ</t>
    </rPh>
    <rPh sb="12" eb="15">
      <t>リショクリツ</t>
    </rPh>
    <rPh sb="16" eb="17">
      <t>ジツ</t>
    </rPh>
    <rPh sb="17" eb="19">
      <t>ジンイン</t>
    </rPh>
    <rPh sb="19" eb="20">
      <t>スウ</t>
    </rPh>
    <phoneticPr fontId="1"/>
  </si>
  <si>
    <t>（５）-２　看護職員数別離職率（常勤換算数）</t>
    <rPh sb="6" eb="8">
      <t>カンゴ</t>
    </rPh>
    <rPh sb="8" eb="11">
      <t>ショクインスウ</t>
    </rPh>
    <rPh sb="11" eb="12">
      <t>ベツ</t>
    </rPh>
    <rPh sb="12" eb="15">
      <t>リショクリツ</t>
    </rPh>
    <rPh sb="16" eb="18">
      <t>ジョウキン</t>
    </rPh>
    <rPh sb="18" eb="20">
      <t>カンサン</t>
    </rPh>
    <rPh sb="20" eb="21">
      <t>スウ</t>
    </rPh>
    <phoneticPr fontId="1"/>
  </si>
  <si>
    <t>（１）　主たる退職理由</t>
    <rPh sb="4" eb="5">
      <t>シュ</t>
    </rPh>
    <rPh sb="7" eb="9">
      <t>タイショク</t>
    </rPh>
    <rPh sb="9" eb="11">
      <t>リユウ</t>
    </rPh>
    <phoneticPr fontId="1"/>
  </si>
  <si>
    <t>（２）-１　退職後の進路</t>
    <rPh sb="6" eb="9">
      <t>タイショクゴ</t>
    </rPh>
    <rPh sb="10" eb="12">
      <t>シンロ</t>
    </rPh>
    <phoneticPr fontId="31"/>
  </si>
  <si>
    <t>（３）　開設年数別</t>
    <rPh sb="4" eb="6">
      <t>カイセツ</t>
    </rPh>
    <rPh sb="6" eb="8">
      <t>ネンスウ</t>
    </rPh>
    <rPh sb="8" eb="9">
      <t>ベツ</t>
    </rPh>
    <phoneticPr fontId="1"/>
  </si>
  <si>
    <t>（４）-１　看護職員数別（実人員数）</t>
    <rPh sb="6" eb="8">
      <t>カンゴ</t>
    </rPh>
    <rPh sb="8" eb="11">
      <t>ショクインスウ</t>
    </rPh>
    <rPh sb="11" eb="12">
      <t>ベツ</t>
    </rPh>
    <rPh sb="13" eb="14">
      <t>ジツ</t>
    </rPh>
    <rPh sb="14" eb="16">
      <t>ジンイン</t>
    </rPh>
    <rPh sb="16" eb="17">
      <t>スウ</t>
    </rPh>
    <phoneticPr fontId="1"/>
  </si>
  <si>
    <t>（４）-２　看護職員数別（常勤換算数）</t>
    <rPh sb="6" eb="8">
      <t>カンゴ</t>
    </rPh>
    <rPh sb="8" eb="11">
      <t>ショクインスウ</t>
    </rPh>
    <rPh sb="11" eb="12">
      <t>ベツ</t>
    </rPh>
    <rPh sb="13" eb="15">
      <t>ジョウキン</t>
    </rPh>
    <rPh sb="15" eb="17">
      <t>カンサン</t>
    </rPh>
    <rPh sb="17" eb="18">
      <t>スウ</t>
    </rPh>
    <phoneticPr fontId="1"/>
  </si>
  <si>
    <t>（１）　令和２年度の経験者採用数</t>
    <rPh sb="4" eb="6">
      <t>レイワ</t>
    </rPh>
    <rPh sb="7" eb="9">
      <t>ネンド</t>
    </rPh>
    <rPh sb="10" eb="13">
      <t>ケイケンシャ</t>
    </rPh>
    <rPh sb="13" eb="15">
      <t>サイヨウ</t>
    </rPh>
    <rPh sb="15" eb="16">
      <t>スウ</t>
    </rPh>
    <phoneticPr fontId="1"/>
  </si>
  <si>
    <t>（２）　採用者の看護師経験年数</t>
    <rPh sb="4" eb="7">
      <t>サイヨウシャ</t>
    </rPh>
    <rPh sb="8" eb="11">
      <t>カンゴシ</t>
    </rPh>
    <rPh sb="11" eb="13">
      <t>ケイケン</t>
    </rPh>
    <rPh sb="13" eb="15">
      <t>ネンスウ</t>
    </rPh>
    <phoneticPr fontId="1"/>
  </si>
  <si>
    <t>（３）-１　直近の就業先や就業状況</t>
    <rPh sb="6" eb="8">
      <t>チョッキン</t>
    </rPh>
    <rPh sb="9" eb="11">
      <t>シュウギョウ</t>
    </rPh>
    <rPh sb="11" eb="12">
      <t>サキ</t>
    </rPh>
    <rPh sb="13" eb="15">
      <t>シュウギョウ</t>
    </rPh>
    <rPh sb="15" eb="17">
      <t>ジョウキョウ</t>
    </rPh>
    <phoneticPr fontId="1"/>
  </si>
  <si>
    <t>６．新任訪問看護師教育</t>
    <rPh sb="2" eb="4">
      <t>シンニン</t>
    </rPh>
    <rPh sb="4" eb="6">
      <t>ホウモン</t>
    </rPh>
    <rPh sb="6" eb="8">
      <t>カンゴ</t>
    </rPh>
    <rPh sb="8" eb="9">
      <t>シ</t>
    </rPh>
    <rPh sb="9" eb="11">
      <t>キョウイク</t>
    </rPh>
    <phoneticPr fontId="1"/>
  </si>
  <si>
    <t>（１）　令和２年度新卒新採用の看護職員数</t>
    <rPh sb="4" eb="6">
      <t>レイワ</t>
    </rPh>
    <phoneticPr fontId="1"/>
  </si>
  <si>
    <t>（２）　今後の採用予定　　　　　　　　　</t>
    <phoneticPr fontId="1"/>
  </si>
  <si>
    <t>（１）　専門看護師</t>
    <rPh sb="4" eb="6">
      <t>センモン</t>
    </rPh>
    <rPh sb="6" eb="9">
      <t>カンゴシ</t>
    </rPh>
    <phoneticPr fontId="1"/>
  </si>
  <si>
    <t>（２）　認定看護師</t>
    <rPh sb="4" eb="6">
      <t>ニンテイ</t>
    </rPh>
    <rPh sb="6" eb="9">
      <t>カンゴシ</t>
    </rPh>
    <phoneticPr fontId="1"/>
  </si>
  <si>
    <t>（３）　その他の資格・講習会修了者</t>
    <rPh sb="6" eb="7">
      <t>ホカ</t>
    </rPh>
    <rPh sb="8" eb="10">
      <t>シカク</t>
    </rPh>
    <rPh sb="11" eb="14">
      <t>コウシュウカイ</t>
    </rPh>
    <rPh sb="14" eb="17">
      <t>シュウリョウシャ</t>
    </rPh>
    <phoneticPr fontId="1"/>
  </si>
  <si>
    <t>（１）　特定行為研修の修了者等</t>
    <rPh sb="4" eb="6">
      <t>トクテイ</t>
    </rPh>
    <rPh sb="6" eb="8">
      <t>コウイ</t>
    </rPh>
    <rPh sb="8" eb="10">
      <t>ケンシュウ</t>
    </rPh>
    <rPh sb="11" eb="14">
      <t>シュウリョウシャ</t>
    </rPh>
    <rPh sb="14" eb="15">
      <t>トウ</t>
    </rPh>
    <phoneticPr fontId="31"/>
  </si>
  <si>
    <t>（２）　受講経費補助の使用予定について</t>
    <rPh sb="4" eb="6">
      <t>ジュコウ</t>
    </rPh>
    <rPh sb="6" eb="8">
      <t>ケイヒ</t>
    </rPh>
    <rPh sb="8" eb="10">
      <t>ホジョ</t>
    </rPh>
    <rPh sb="11" eb="13">
      <t>シヨウ</t>
    </rPh>
    <rPh sb="13" eb="15">
      <t>ヨテイ</t>
    </rPh>
    <phoneticPr fontId="31"/>
  </si>
  <si>
    <t>（３）-１　修了者・受講中等の方がいない理由</t>
    <rPh sb="6" eb="9">
      <t>シュウリョウシャ</t>
    </rPh>
    <rPh sb="10" eb="13">
      <t>ジュコウチュウ</t>
    </rPh>
    <rPh sb="13" eb="14">
      <t>トウ</t>
    </rPh>
    <rPh sb="15" eb="16">
      <t>カタ</t>
    </rPh>
    <rPh sb="20" eb="22">
      <t>リユウ</t>
    </rPh>
    <phoneticPr fontId="31"/>
  </si>
  <si>
    <t>（３）-２　（３）-１　いない理由のうちその他の具体的内容</t>
    <rPh sb="15" eb="17">
      <t>リユウ</t>
    </rPh>
    <rPh sb="22" eb="23">
      <t>ホカ</t>
    </rPh>
    <rPh sb="24" eb="27">
      <t>グタイテキ</t>
    </rPh>
    <rPh sb="27" eb="29">
      <t>ナイヨウ</t>
    </rPh>
    <phoneticPr fontId="31"/>
  </si>
  <si>
    <t>合計人数</t>
    <rPh sb="0" eb="2">
      <t>ゴウケイ</t>
    </rPh>
    <rPh sb="2" eb="4">
      <t>ニンズウ</t>
    </rPh>
    <phoneticPr fontId="1"/>
  </si>
  <si>
    <t>（４）　研修修了者の特定行為区分別人数</t>
    <rPh sb="4" eb="6">
      <t>ケンシュウ</t>
    </rPh>
    <rPh sb="6" eb="9">
      <t>シュウリョウシャ</t>
    </rPh>
    <rPh sb="10" eb="12">
      <t>トクテイ</t>
    </rPh>
    <rPh sb="12" eb="14">
      <t>コウイ</t>
    </rPh>
    <rPh sb="14" eb="16">
      <t>クブン</t>
    </rPh>
    <rPh sb="16" eb="17">
      <t>ベツ</t>
    </rPh>
    <rPh sb="17" eb="19">
      <t>ニンズウ</t>
    </rPh>
    <phoneticPr fontId="31"/>
  </si>
  <si>
    <t>-</t>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0"/>
    <numFmt numFmtId="177" formatCode="0.0%"/>
    <numFmt numFmtId="178" formatCode="_ * #,##0.0_ ;_ * \-#,##0.0_ ;_ * &quot;-&quot;??_ ;_ @_ "/>
    <numFmt numFmtId="180" formatCode="0_);[Red]\(0\)"/>
  </numFmts>
  <fonts count="45" x14ac:knownFonts="1">
    <font>
      <sz val="12"/>
      <color theme="1"/>
      <name val="ＭＳ 明朝"/>
      <family val="2"/>
      <charset val="128"/>
    </font>
    <font>
      <sz val="6"/>
      <name val="ＭＳ 明朝"/>
      <family val="2"/>
      <charset val="128"/>
    </font>
    <font>
      <b/>
      <sz val="14"/>
      <color theme="1"/>
      <name val="ＭＳ 明朝"/>
      <family val="1"/>
      <charset val="128"/>
    </font>
    <font>
      <b/>
      <sz val="16"/>
      <color theme="1"/>
      <name val="ＭＳ 明朝"/>
      <family val="1"/>
      <charset val="128"/>
    </font>
    <font>
      <sz val="11"/>
      <color theme="1"/>
      <name val="ＭＳ 明朝"/>
      <family val="1"/>
      <charset val="128"/>
    </font>
    <font>
      <b/>
      <sz val="12"/>
      <color theme="1"/>
      <name val="ＭＳ 明朝"/>
      <family val="1"/>
      <charset val="128"/>
    </font>
    <font>
      <sz val="11"/>
      <color theme="1"/>
      <name val="ＭＳ Ｐゴシック"/>
      <family val="2"/>
      <charset val="128"/>
      <scheme val="minor"/>
    </font>
    <font>
      <sz val="11"/>
      <name val="ＭＳ Ｐゴシック"/>
      <family val="3"/>
      <charset val="128"/>
    </font>
    <font>
      <sz val="12"/>
      <color theme="1"/>
      <name val="ＭＳ 明朝"/>
      <family val="2"/>
      <charset val="128"/>
    </font>
    <font>
      <sz val="12"/>
      <color theme="1"/>
      <name val="ＭＳ 明朝"/>
      <family val="1"/>
      <charset val="128"/>
    </font>
    <font>
      <sz val="14"/>
      <color theme="1"/>
      <name val="ＭＳ 明朝"/>
      <family val="1"/>
      <charset val="128"/>
    </font>
    <font>
      <sz val="16"/>
      <color theme="1"/>
      <name val="ＭＳ 明朝"/>
      <family val="1"/>
      <charset val="128"/>
    </font>
    <font>
      <b/>
      <sz val="18"/>
      <color theme="1"/>
      <name val="ＭＳ 明朝"/>
      <family val="1"/>
      <charset val="128"/>
    </font>
    <font>
      <sz val="20"/>
      <color theme="1"/>
      <name val="ＭＳ 明朝"/>
      <family val="1"/>
      <charset val="128"/>
    </font>
    <font>
      <sz val="24"/>
      <color theme="1"/>
      <name val="ＭＳ 明朝"/>
      <family val="1"/>
      <charset val="128"/>
    </font>
    <font>
      <sz val="14"/>
      <color theme="1"/>
      <name val="ＭＳ 明朝"/>
      <family val="2"/>
      <charset val="128"/>
    </font>
    <font>
      <sz val="6"/>
      <name val="ＭＳ Ｐゴシック"/>
      <family val="3"/>
      <charset val="128"/>
      <scheme val="minor"/>
    </font>
    <font>
      <sz val="6"/>
      <name val="ＭＳ 明朝"/>
      <family val="1"/>
      <charset val="128"/>
    </font>
    <font>
      <sz val="11"/>
      <color theme="1"/>
      <name val="ＭＳ Ｐゴシック"/>
      <family val="2"/>
      <scheme val="minor"/>
    </font>
    <font>
      <sz val="9"/>
      <color theme="1"/>
      <name val="ＭＳ Ｐゴシック"/>
      <family val="3"/>
      <charset val="128"/>
      <scheme val="minor"/>
    </font>
    <font>
      <sz val="11"/>
      <name val="ＭＳ 明朝"/>
      <family val="1"/>
      <charset val="128"/>
    </font>
    <font>
      <sz val="16"/>
      <color theme="1"/>
      <name val="ＭＳ 明朝"/>
      <family val="2"/>
      <charset val="128"/>
    </font>
    <font>
      <sz val="26"/>
      <color theme="1"/>
      <name val="ＭＳ 明朝"/>
      <family val="1"/>
      <charset val="128"/>
    </font>
    <font>
      <b/>
      <sz val="30"/>
      <color theme="1"/>
      <name val="ＭＳ 明朝"/>
      <family val="1"/>
      <charset val="128"/>
    </font>
    <font>
      <sz val="26"/>
      <color theme="1"/>
      <name val="ＭＳ 明朝"/>
      <family val="2"/>
      <charset val="128"/>
    </font>
    <font>
      <sz val="13"/>
      <color theme="1"/>
      <name val="ＭＳ 明朝"/>
      <family val="1"/>
      <charset val="128"/>
    </font>
    <font>
      <sz val="24"/>
      <color theme="1"/>
      <name val="ＭＳ 明朝"/>
      <family val="2"/>
      <charset val="128"/>
    </font>
    <font>
      <sz val="10"/>
      <color theme="1"/>
      <name val="ＭＳ 明朝"/>
      <family val="1"/>
      <charset val="128"/>
    </font>
    <font>
      <sz val="10"/>
      <color theme="1"/>
      <name val="HG丸ｺﾞｼｯｸM-PRO"/>
      <family val="3"/>
      <charset val="128"/>
    </font>
    <font>
      <sz val="8"/>
      <color theme="1"/>
      <name val="HG丸ｺﾞｼｯｸM-PRO"/>
      <family val="3"/>
      <charset val="128"/>
    </font>
    <font>
      <sz val="12"/>
      <name val="ＭＳ 明朝"/>
      <family val="1"/>
      <charset val="128"/>
    </font>
    <font>
      <sz val="6"/>
      <name val="ＭＳ Ｐゴシック"/>
      <family val="3"/>
      <charset val="128"/>
    </font>
    <font>
      <sz val="12"/>
      <name val="ＭＳ Ｐ明朝"/>
      <family val="1"/>
      <charset val="128"/>
    </font>
    <font>
      <b/>
      <sz val="12"/>
      <name val="ＭＳ Ｐ明朝"/>
      <family val="1"/>
      <charset val="128"/>
    </font>
    <font>
      <sz val="12"/>
      <color theme="1"/>
      <name val="ＭＳ Ｐ明朝"/>
      <family val="1"/>
      <charset val="128"/>
    </font>
    <font>
      <sz val="10"/>
      <name val="ＭＳ Ｐ明朝"/>
      <family val="1"/>
      <charset val="128"/>
    </font>
    <font>
      <sz val="9"/>
      <name val="ＭＳ Ｐ明朝"/>
      <family val="1"/>
      <charset val="128"/>
    </font>
    <font>
      <sz val="8"/>
      <name val="ＭＳ Ｐ明朝"/>
      <family val="1"/>
      <charset val="128"/>
    </font>
    <font>
      <sz val="11"/>
      <name val="ＭＳ Ｐ明朝"/>
      <family val="1"/>
      <charset val="128"/>
    </font>
    <font>
      <b/>
      <sz val="14"/>
      <name val="ＭＳ Ｐ明朝"/>
      <family val="1"/>
      <charset val="128"/>
    </font>
    <font>
      <sz val="12"/>
      <color rgb="FFFF0000"/>
      <name val="ＭＳ Ｐ明朝"/>
      <family val="1"/>
      <charset val="128"/>
    </font>
    <font>
      <sz val="9"/>
      <name val="ＭＳ Ｐゴシック"/>
      <family val="3"/>
      <charset val="128"/>
      <scheme val="minor"/>
    </font>
    <font>
      <sz val="10"/>
      <color theme="1"/>
      <name val="ＭＳ 明朝"/>
      <family val="2"/>
      <charset val="128"/>
    </font>
    <font>
      <sz val="9"/>
      <name val="ＭＳ ゴシック"/>
      <family val="3"/>
      <charset val="128"/>
    </font>
    <font>
      <sz val="12"/>
      <name val="ＭＳ 明朝"/>
      <family val="2"/>
      <charset val="128"/>
    </font>
  </fonts>
  <fills count="5">
    <fill>
      <patternFill patternType="none"/>
    </fill>
    <fill>
      <patternFill patternType="gray125"/>
    </fill>
    <fill>
      <patternFill patternType="solid">
        <fgColor theme="5" tint="0.79998168889431442"/>
        <bgColor indexed="64"/>
      </patternFill>
    </fill>
    <fill>
      <patternFill patternType="lightDown">
        <fgColor theme="2" tint="-0.24994659260841701"/>
        <bgColor indexed="65"/>
      </patternFill>
    </fill>
    <fill>
      <patternFill patternType="solid">
        <fgColor theme="0"/>
        <bgColor indexed="64"/>
      </patternFill>
    </fill>
  </fills>
  <borders count="18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medium">
        <color indexed="64"/>
      </right>
      <top style="thin">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right style="thin">
        <color indexed="64"/>
      </right>
      <top style="medium">
        <color indexed="64"/>
      </top>
      <bottom style="double">
        <color indexed="64"/>
      </bottom>
      <diagonal/>
    </border>
    <border>
      <left/>
      <right style="thin">
        <color indexed="64"/>
      </right>
      <top/>
      <bottom style="medium">
        <color indexed="64"/>
      </bottom>
      <diagonal/>
    </border>
    <border>
      <left style="medium">
        <color indexed="64"/>
      </left>
      <right style="medium">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double">
        <color indexed="64"/>
      </bottom>
      <diagonal/>
    </border>
    <border>
      <left style="medium">
        <color indexed="64"/>
      </left>
      <right style="thin">
        <color indexed="64"/>
      </right>
      <top style="medium">
        <color indexed="64"/>
      </top>
      <bottom style="double">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double">
        <color indexed="64"/>
      </left>
      <right style="medium">
        <color indexed="64"/>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double">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double">
        <color indexed="64"/>
      </right>
      <top/>
      <bottom style="thin">
        <color indexed="64"/>
      </bottom>
      <diagonal/>
    </border>
    <border>
      <left/>
      <right style="thin">
        <color indexed="64"/>
      </right>
      <top/>
      <bottom style="thin">
        <color indexed="64"/>
      </bottom>
      <diagonal/>
    </border>
    <border>
      <left style="medium">
        <color indexed="64"/>
      </left>
      <right style="double">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bottom/>
      <diagonal/>
    </border>
    <border>
      <left style="double">
        <color indexed="64"/>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diagonalUp="1">
      <left style="medium">
        <color indexed="64"/>
      </left>
      <right style="medium">
        <color indexed="64"/>
      </right>
      <top style="medium">
        <color indexed="64"/>
      </top>
      <bottom style="double">
        <color indexed="64"/>
      </bottom>
      <diagonal style="thin">
        <color indexed="64"/>
      </diagonal>
    </border>
    <border>
      <left style="medium">
        <color indexed="64"/>
      </left>
      <right style="medium">
        <color indexed="64"/>
      </right>
      <top/>
      <bottom/>
      <diagonal/>
    </border>
    <border>
      <left/>
      <right style="thin">
        <color indexed="64"/>
      </right>
      <top/>
      <bottom/>
      <diagonal/>
    </border>
    <border>
      <left style="thin">
        <color indexed="64"/>
      </left>
      <right/>
      <top style="medium">
        <color indexed="64"/>
      </top>
      <bottom style="double">
        <color indexed="64"/>
      </bottom>
      <diagonal/>
    </border>
    <border>
      <left style="thin">
        <color indexed="64"/>
      </left>
      <right/>
      <top/>
      <bottom/>
      <diagonal/>
    </border>
    <border>
      <left/>
      <right/>
      <top style="thin">
        <color indexed="64"/>
      </top>
      <bottom style="medium">
        <color indexed="64"/>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medium">
        <color indexed="64"/>
      </left>
      <right style="medium">
        <color indexed="64"/>
      </right>
      <top style="thin">
        <color indexed="64"/>
      </top>
      <bottom/>
      <diagonal/>
    </border>
    <border diagonalUp="1">
      <left style="medium">
        <color indexed="64"/>
      </left>
      <right style="medium">
        <color indexed="64"/>
      </right>
      <top style="medium">
        <color indexed="64"/>
      </top>
      <bottom style="thin">
        <color indexed="64"/>
      </bottom>
      <diagonal style="thin">
        <color indexed="64"/>
      </diagonal>
    </border>
    <border>
      <left/>
      <right style="thin">
        <color auto="1"/>
      </right>
      <top style="thin">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top/>
      <bottom style="thin">
        <color indexed="64"/>
      </bottom>
      <diagonal/>
    </border>
    <border>
      <left/>
      <right style="hair">
        <color auto="1"/>
      </right>
      <top style="hair">
        <color auto="1"/>
      </top>
      <bottom style="hair">
        <color auto="1"/>
      </bottom>
      <diagonal/>
    </border>
    <border>
      <left style="thin">
        <color indexed="64"/>
      </left>
      <right style="medium">
        <color indexed="64"/>
      </right>
      <top/>
      <bottom/>
      <diagonal/>
    </border>
    <border>
      <left style="double">
        <color indexed="64"/>
      </left>
      <right style="medium">
        <color indexed="64"/>
      </right>
      <top style="thin">
        <color indexed="64"/>
      </top>
      <bottom style="double">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top/>
      <bottom style="medium">
        <color indexed="64"/>
      </bottom>
      <diagonal/>
    </border>
    <border>
      <left style="medium">
        <color indexed="64"/>
      </left>
      <right style="medium">
        <color indexed="64"/>
      </right>
      <top style="medium">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medium">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style="double">
        <color indexed="64"/>
      </top>
      <bottom/>
      <diagonal/>
    </border>
    <border>
      <left style="medium">
        <color indexed="64"/>
      </left>
      <right style="thin">
        <color auto="1"/>
      </right>
      <top style="medium">
        <color indexed="64"/>
      </top>
      <bottom style="thin">
        <color auto="1"/>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style="thin">
        <color indexed="64"/>
      </bottom>
      <diagonal/>
    </border>
    <border>
      <left/>
      <right/>
      <top style="medium">
        <color indexed="64"/>
      </top>
      <bottom style="medium">
        <color indexed="64"/>
      </bottom>
      <diagonal/>
    </border>
    <border>
      <left style="double">
        <color indexed="64"/>
      </left>
      <right style="double">
        <color indexed="64"/>
      </right>
      <top style="medium">
        <color indexed="64"/>
      </top>
      <bottom style="medium">
        <color indexed="64"/>
      </bottom>
      <diagonal/>
    </border>
    <border>
      <left style="double">
        <color indexed="64"/>
      </left>
      <right style="double">
        <color indexed="64"/>
      </right>
      <top/>
      <bottom style="thin">
        <color indexed="64"/>
      </bottom>
      <diagonal/>
    </border>
    <border>
      <left style="medium">
        <color indexed="64"/>
      </left>
      <right style="double">
        <color indexed="64"/>
      </right>
      <top style="medium">
        <color indexed="64"/>
      </top>
      <bottom style="double">
        <color indexed="64"/>
      </bottom>
      <diagonal/>
    </border>
    <border>
      <left style="double">
        <color indexed="64"/>
      </left>
      <right style="double">
        <color indexed="64"/>
      </right>
      <top style="medium">
        <color indexed="64"/>
      </top>
      <bottom style="double">
        <color indexed="64"/>
      </bottom>
      <diagonal/>
    </border>
    <border>
      <left style="medium">
        <color indexed="64"/>
      </left>
      <right/>
      <top/>
      <bottom style="thin">
        <color indexed="64"/>
      </bottom>
      <diagonal/>
    </border>
    <border>
      <left style="medium">
        <color indexed="64"/>
      </left>
      <right/>
      <top style="thin">
        <color auto="1"/>
      </top>
      <bottom style="thin">
        <color auto="1"/>
      </bottom>
      <diagonal/>
    </border>
    <border>
      <left style="medium">
        <color indexed="64"/>
      </left>
      <right/>
      <top style="thin">
        <color auto="1"/>
      </top>
      <bottom style="medium">
        <color indexed="64"/>
      </bottom>
      <diagonal/>
    </border>
    <border diagonalUp="1">
      <left style="medium">
        <color indexed="64"/>
      </left>
      <right/>
      <top style="medium">
        <color indexed="64"/>
      </top>
      <bottom style="double">
        <color indexed="64"/>
      </bottom>
      <diagonal style="thin">
        <color indexed="64"/>
      </diagonal>
    </border>
    <border>
      <left style="double">
        <color indexed="64"/>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style="medium">
        <color indexed="64"/>
      </left>
      <right style="thin">
        <color indexed="64"/>
      </right>
      <top style="medium">
        <color indexed="64"/>
      </top>
      <bottom style="double">
        <color indexed="64"/>
      </bottom>
      <diagonal style="thin">
        <color indexed="64"/>
      </diagonal>
    </border>
    <border>
      <left style="double">
        <color indexed="64"/>
      </left>
      <right style="medium">
        <color indexed="64"/>
      </right>
      <top/>
      <bottom/>
      <diagonal/>
    </border>
    <border>
      <left style="double">
        <color indexed="64"/>
      </left>
      <right style="medium">
        <color indexed="64"/>
      </right>
      <top style="medium">
        <color indexed="64"/>
      </top>
      <bottom style="double">
        <color indexed="64"/>
      </bottom>
      <diagonal/>
    </border>
    <border diagonalUp="1">
      <left style="medium">
        <color indexed="64"/>
      </left>
      <right style="medium">
        <color indexed="64"/>
      </right>
      <top style="thin">
        <color indexed="64"/>
      </top>
      <bottom style="double">
        <color indexed="64"/>
      </bottom>
      <diagonal style="thin">
        <color indexed="64"/>
      </diagonal>
    </border>
    <border>
      <left/>
      <right/>
      <top style="medium">
        <color indexed="64"/>
      </top>
      <bottom/>
      <diagonal/>
    </border>
    <border>
      <left/>
      <right style="medium">
        <color indexed="64"/>
      </right>
      <top style="medium">
        <color indexed="64"/>
      </top>
      <bottom/>
      <diagonal/>
    </border>
    <border>
      <left/>
      <right/>
      <top/>
      <bottom style="medium">
        <color indexed="64"/>
      </bottom>
      <diagonal/>
    </border>
    <border>
      <left style="double">
        <color indexed="64"/>
      </left>
      <right style="double">
        <color indexed="64"/>
      </right>
      <top style="thin">
        <color indexed="64"/>
      </top>
      <bottom style="medium">
        <color indexed="64"/>
      </bottom>
      <diagonal/>
    </border>
    <border>
      <left style="medium">
        <color indexed="64"/>
      </left>
      <right/>
      <top style="thin">
        <color indexed="64"/>
      </top>
      <bottom style="double">
        <color indexed="64"/>
      </bottom>
      <diagonal/>
    </border>
    <border>
      <left style="medium">
        <color indexed="64"/>
      </left>
      <right/>
      <top/>
      <bottom style="double">
        <color indexed="64"/>
      </bottom>
      <diagonal/>
    </border>
    <border>
      <left style="medium">
        <color indexed="64"/>
      </left>
      <right style="medium">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right style="hair">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right style="hair">
        <color auto="1"/>
      </right>
      <top style="hair">
        <color auto="1"/>
      </top>
      <bottom style="thin">
        <color auto="1"/>
      </bottom>
      <diagonal/>
    </border>
    <border>
      <left style="medium">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double">
        <color indexed="64"/>
      </top>
      <bottom style="medium">
        <color indexed="64"/>
      </bottom>
      <diagonal/>
    </border>
    <border>
      <left/>
      <right style="thin">
        <color indexed="64"/>
      </right>
      <top style="thin">
        <color indexed="64"/>
      </top>
      <bottom/>
      <diagonal/>
    </border>
    <border diagonalUp="1">
      <left/>
      <right/>
      <top style="medium">
        <color indexed="64"/>
      </top>
      <bottom style="double">
        <color indexed="64"/>
      </bottom>
      <diagonal style="thin">
        <color indexed="64"/>
      </diagonal>
    </border>
    <border>
      <left style="medium">
        <color indexed="64"/>
      </left>
      <right/>
      <top style="medium">
        <color indexed="64"/>
      </top>
      <bottom style="double">
        <color indexed="64"/>
      </bottom>
      <diagonal/>
    </border>
    <border>
      <left/>
      <right style="medium">
        <color indexed="64"/>
      </right>
      <top style="medium">
        <color indexed="64"/>
      </top>
      <bottom style="double">
        <color indexed="64"/>
      </bottom>
      <diagonal/>
    </border>
    <border>
      <left style="thin">
        <color indexed="64"/>
      </left>
      <right style="thin">
        <color indexed="64"/>
      </right>
      <top style="double">
        <color indexed="64"/>
      </top>
      <bottom style="medium">
        <color indexed="64"/>
      </bottom>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thin">
        <color indexed="64"/>
      </right>
      <top style="double">
        <color indexed="64"/>
      </top>
      <bottom style="thin">
        <color indexed="64"/>
      </bottom>
      <diagonal/>
    </border>
    <border>
      <left/>
      <right style="medium">
        <color indexed="64"/>
      </right>
      <top/>
      <bottom/>
      <diagonal/>
    </border>
    <border>
      <left/>
      <right style="medium">
        <color indexed="64"/>
      </right>
      <top style="thin">
        <color indexed="64"/>
      </top>
      <bottom style="double">
        <color indexed="64"/>
      </bottom>
      <diagonal/>
    </border>
    <border>
      <left/>
      <right style="medium">
        <color indexed="64"/>
      </right>
      <top/>
      <bottom style="medium">
        <color indexed="64"/>
      </bottom>
      <diagonal/>
    </border>
    <border>
      <left/>
      <right/>
      <top style="thin">
        <color indexed="64"/>
      </top>
      <bottom/>
      <diagonal/>
    </border>
    <border>
      <left style="medium">
        <color indexed="64"/>
      </left>
      <right style="thin">
        <color indexed="64"/>
      </right>
      <top style="double">
        <color indexed="64"/>
      </top>
      <bottom style="medium">
        <color indexed="64"/>
      </bottom>
      <diagonal/>
    </border>
    <border>
      <left/>
      <right style="medium">
        <color indexed="64"/>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medium">
        <color indexed="64"/>
      </right>
      <top style="thin">
        <color indexed="64"/>
      </top>
      <bottom style="thin">
        <color auto="1"/>
      </bottom>
      <diagonal/>
    </border>
    <border>
      <left style="thin">
        <color indexed="64"/>
      </left>
      <right style="medium">
        <color indexed="64"/>
      </right>
      <top style="double">
        <color indexed="64"/>
      </top>
      <bottom/>
      <diagonal/>
    </border>
    <border>
      <left/>
      <right style="thin">
        <color indexed="64"/>
      </right>
      <top style="double">
        <color indexed="64"/>
      </top>
      <bottom/>
      <diagonal/>
    </border>
    <border>
      <left/>
      <right/>
      <top style="double">
        <color indexed="64"/>
      </top>
      <bottom/>
      <diagonal/>
    </border>
    <border>
      <left style="double">
        <color indexed="64"/>
      </left>
      <right style="medium">
        <color indexed="64"/>
      </right>
      <top style="double">
        <color indexed="64"/>
      </top>
      <bottom style="double">
        <color indexed="64"/>
      </bottom>
      <diagonal/>
    </border>
    <border diagonalUp="1">
      <left style="thin">
        <color indexed="64"/>
      </left>
      <right style="medium">
        <color indexed="64"/>
      </right>
      <top style="double">
        <color indexed="64"/>
      </top>
      <bottom style="medium">
        <color indexed="64"/>
      </bottom>
      <diagonal style="thin">
        <color indexed="64"/>
      </diagonal>
    </border>
    <border>
      <left style="medium">
        <color indexed="64"/>
      </left>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double">
        <color indexed="64"/>
      </right>
      <top style="double">
        <color auto="1"/>
      </top>
      <bottom style="medium">
        <color indexed="64"/>
      </bottom>
      <diagonal/>
    </border>
    <border>
      <left style="double">
        <color indexed="64"/>
      </left>
      <right style="medium">
        <color indexed="64"/>
      </right>
      <top style="double">
        <color indexed="64"/>
      </top>
      <bottom style="medium">
        <color indexed="64"/>
      </bottom>
      <diagonal/>
    </border>
    <border>
      <left/>
      <right/>
      <top style="double">
        <color indexed="64"/>
      </top>
      <bottom style="medium">
        <color indexed="64"/>
      </bottom>
      <diagonal/>
    </border>
    <border>
      <left style="double">
        <color indexed="64"/>
      </left>
      <right style="medium">
        <color indexed="64"/>
      </right>
      <top style="double">
        <color indexed="64"/>
      </top>
      <bottom style="thin">
        <color indexed="64"/>
      </bottom>
      <diagonal/>
    </border>
    <border>
      <left style="thin">
        <color indexed="64"/>
      </left>
      <right style="double">
        <color indexed="64"/>
      </right>
      <top style="thin">
        <color indexed="64"/>
      </top>
      <bottom style="double">
        <color indexed="64"/>
      </bottom>
      <diagonal/>
    </border>
    <border>
      <left/>
      <right style="medium">
        <color indexed="64"/>
      </right>
      <top style="double">
        <color indexed="64"/>
      </top>
      <bottom style="medium">
        <color indexed="64"/>
      </bottom>
      <diagonal/>
    </border>
    <border>
      <left style="double">
        <color indexed="64"/>
      </left>
      <right style="medium">
        <color indexed="64"/>
      </right>
      <top style="medium">
        <color indexed="64"/>
      </top>
      <bottom style="thin">
        <color indexed="64"/>
      </bottom>
      <diagonal/>
    </border>
    <border>
      <left style="thin">
        <color indexed="64"/>
      </left>
      <right style="double">
        <color indexed="64"/>
      </right>
      <top style="thin">
        <color indexed="64"/>
      </top>
      <bottom style="medium">
        <color indexed="64"/>
      </bottom>
      <diagonal/>
    </border>
    <border>
      <left/>
      <right style="medium">
        <color indexed="64"/>
      </right>
      <top style="thin">
        <color indexed="64"/>
      </top>
      <bottom/>
      <diagonal/>
    </border>
    <border>
      <left style="thin">
        <color indexed="64"/>
      </left>
      <right/>
      <top style="medium">
        <color indexed="64"/>
      </top>
      <bottom/>
      <diagonal/>
    </border>
    <border>
      <left style="thin">
        <color indexed="64"/>
      </left>
      <right/>
      <top style="medium">
        <color indexed="64"/>
      </top>
      <bottom style="medium">
        <color indexed="64"/>
      </bottom>
      <diagonal/>
    </border>
    <border>
      <left style="thin">
        <color indexed="64"/>
      </left>
      <right/>
      <top style="double">
        <color indexed="64"/>
      </top>
      <bottom/>
      <diagonal/>
    </border>
    <border diagonalUp="1">
      <left style="thin">
        <color indexed="64"/>
      </left>
      <right style="medium">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medium">
        <color indexed="64"/>
      </left>
      <right style="thin">
        <color indexed="64"/>
      </right>
      <top style="double">
        <color indexed="64"/>
      </top>
      <bottom/>
      <diagonal style="thin">
        <color indexed="64"/>
      </diagonal>
    </border>
    <border diagonalUp="1">
      <left style="thin">
        <color indexed="64"/>
      </left>
      <right style="medium">
        <color indexed="64"/>
      </right>
      <top style="double">
        <color indexed="64"/>
      </top>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diagonalUp="1">
      <left/>
      <right style="thin">
        <color indexed="64"/>
      </right>
      <top style="medium">
        <color indexed="64"/>
      </top>
      <bottom/>
      <diagonal style="thin">
        <color indexed="64"/>
      </diagonal>
    </border>
    <border diagonalUp="1">
      <left/>
      <right style="thin">
        <color indexed="64"/>
      </right>
      <top style="thin">
        <color indexed="64"/>
      </top>
      <bottom style="medium">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style="medium">
        <color indexed="64"/>
      </top>
      <bottom style="thin">
        <color indexed="64"/>
      </bottom>
      <diagonal/>
    </border>
    <border>
      <left style="double">
        <color indexed="64"/>
      </left>
      <right style="thin">
        <color indexed="64"/>
      </right>
      <top style="thin">
        <color indexed="64"/>
      </top>
      <bottom style="double">
        <color indexed="64"/>
      </bottom>
      <diagonal/>
    </border>
    <border>
      <left style="double">
        <color indexed="64"/>
      </left>
      <right style="thin">
        <color indexed="64"/>
      </right>
      <top style="double">
        <color indexed="64"/>
      </top>
      <bottom style="thin">
        <color indexed="64"/>
      </bottom>
      <diagonal/>
    </border>
    <border>
      <left style="double">
        <color indexed="64"/>
      </left>
      <right style="thin">
        <color indexed="64"/>
      </right>
      <top style="double">
        <color indexed="64"/>
      </top>
      <bottom style="medium">
        <color indexed="64"/>
      </bottom>
      <diagonal/>
    </border>
    <border>
      <left style="medium">
        <color indexed="64"/>
      </left>
      <right/>
      <top style="thin">
        <color auto="1"/>
      </top>
      <bottom/>
      <diagonal/>
    </border>
    <border>
      <left style="thin">
        <color indexed="64"/>
      </left>
      <right style="thin">
        <color indexed="64"/>
      </right>
      <top style="double">
        <color indexed="64"/>
      </top>
      <bottom/>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left style="thin">
        <color indexed="64"/>
      </left>
      <right style="medium">
        <color indexed="64"/>
      </right>
      <top style="double">
        <color indexed="64"/>
      </top>
      <bottom style="double">
        <color indexed="64"/>
      </bottom>
      <diagonal/>
    </border>
    <border>
      <left style="double">
        <color indexed="64"/>
      </left>
      <right style="medium">
        <color indexed="64"/>
      </right>
      <top style="double">
        <color indexed="64"/>
      </top>
      <bottom/>
      <diagonal/>
    </border>
    <border>
      <left style="medium">
        <color indexed="64"/>
      </left>
      <right style="thin">
        <color indexed="64"/>
      </right>
      <top style="double">
        <color indexed="64"/>
      </top>
      <bottom style="double">
        <color indexed="64"/>
      </bottom>
      <diagonal/>
    </border>
    <border>
      <left style="double">
        <color indexed="64"/>
      </left>
      <right style="thin">
        <color indexed="64"/>
      </right>
      <top style="medium">
        <color indexed="64"/>
      </top>
      <bottom style="double">
        <color indexed="64"/>
      </bottom>
      <diagonal/>
    </border>
    <border>
      <left style="double">
        <color indexed="64"/>
      </left>
      <right style="thin">
        <color indexed="64"/>
      </right>
      <top style="thin">
        <color indexed="64"/>
      </top>
      <bottom style="medium">
        <color indexed="64"/>
      </bottom>
      <diagonal/>
    </border>
    <border>
      <left style="double">
        <color indexed="64"/>
      </left>
      <right style="thin">
        <color indexed="64"/>
      </right>
      <top style="double">
        <color indexed="64"/>
      </top>
      <bottom/>
      <diagonal/>
    </border>
  </borders>
  <cellStyleXfs count="10">
    <xf numFmtId="0" fontId="0" fillId="0" borderId="0">
      <alignment vertical="center"/>
    </xf>
    <xf numFmtId="0" fontId="6" fillId="0" borderId="0">
      <alignment vertical="center"/>
    </xf>
    <xf numFmtId="0" fontId="7" fillId="0" borderId="0">
      <alignment vertical="center"/>
    </xf>
    <xf numFmtId="38" fontId="8" fillId="0" borderId="0" applyFont="0" applyFill="0" applyBorder="0" applyAlignment="0" applyProtection="0">
      <alignment vertical="center"/>
    </xf>
    <xf numFmtId="9" fontId="8" fillId="0" borderId="0" applyFont="0" applyFill="0" applyBorder="0" applyAlignment="0" applyProtection="0">
      <alignment vertical="center"/>
    </xf>
    <xf numFmtId="0" fontId="18" fillId="0" borderId="0"/>
    <xf numFmtId="0" fontId="18" fillId="0" borderId="0"/>
    <xf numFmtId="9" fontId="8" fillId="0" borderId="0" applyFont="0" applyFill="0" applyBorder="0" applyAlignment="0" applyProtection="0">
      <alignment vertical="center"/>
    </xf>
    <xf numFmtId="9" fontId="7" fillId="0" borderId="0" applyFont="0" applyFill="0" applyBorder="0" applyAlignment="0" applyProtection="0">
      <alignment vertical="center"/>
    </xf>
    <xf numFmtId="0" fontId="30" fillId="0" borderId="0">
      <alignment vertical="center"/>
    </xf>
  </cellStyleXfs>
  <cellXfs count="772">
    <xf numFmtId="0" fontId="0" fillId="0" borderId="0" xfId="0">
      <alignment vertical="center"/>
    </xf>
    <xf numFmtId="0" fontId="2" fillId="0" borderId="0" xfId="0" applyFont="1">
      <alignment vertical="center"/>
    </xf>
    <xf numFmtId="0" fontId="0" fillId="0" borderId="1" xfId="0" applyBorder="1">
      <alignment vertical="center"/>
    </xf>
    <xf numFmtId="0" fontId="3" fillId="0" borderId="0" xfId="0" applyFont="1">
      <alignment vertical="center"/>
    </xf>
    <xf numFmtId="0" fontId="0" fillId="0" borderId="0" xfId="0" applyBorder="1">
      <alignment vertical="center"/>
    </xf>
    <xf numFmtId="0" fontId="0" fillId="0" borderId="2" xfId="0" applyBorder="1">
      <alignment vertical="center"/>
    </xf>
    <xf numFmtId="0" fontId="9" fillId="0" borderId="0" xfId="0" applyFont="1" applyBorder="1">
      <alignment vertical="center"/>
    </xf>
    <xf numFmtId="0" fontId="10" fillId="0" borderId="0" xfId="0" applyFont="1">
      <alignment vertical="center"/>
    </xf>
    <xf numFmtId="0" fontId="10" fillId="0" borderId="0" xfId="0" applyFont="1" applyBorder="1">
      <alignment vertical="center"/>
    </xf>
    <xf numFmtId="0" fontId="0" fillId="0" borderId="42" xfId="0" applyBorder="1">
      <alignment vertical="center"/>
    </xf>
    <xf numFmtId="0" fontId="9" fillId="0" borderId="0" xfId="0" applyFont="1">
      <alignment vertical="center"/>
    </xf>
    <xf numFmtId="0" fontId="9" fillId="0" borderId="27" xfId="0" applyFont="1" applyBorder="1" applyAlignment="1">
      <alignment horizontal="center" vertical="center"/>
    </xf>
    <xf numFmtId="177" fontId="9" fillId="0" borderId="28" xfId="4" applyNumberFormat="1" applyFont="1" applyBorder="1">
      <alignment vertical="center"/>
    </xf>
    <xf numFmtId="0" fontId="9" fillId="0" borderId="5" xfId="0" applyFont="1" applyBorder="1" applyAlignment="1">
      <alignment horizontal="center" vertical="center"/>
    </xf>
    <xf numFmtId="177" fontId="9" fillId="0" borderId="10" xfId="4" applyNumberFormat="1" applyFont="1" applyBorder="1">
      <alignment vertical="center"/>
    </xf>
    <xf numFmtId="0" fontId="9" fillId="0" borderId="4" xfId="0" applyFont="1" applyBorder="1" applyAlignment="1">
      <alignment horizontal="center" vertical="center"/>
    </xf>
    <xf numFmtId="177" fontId="9" fillId="0" borderId="13" xfId="4" applyNumberFormat="1" applyFont="1" applyBorder="1">
      <alignment vertical="center"/>
    </xf>
    <xf numFmtId="0" fontId="0" fillId="0" borderId="40" xfId="0" applyBorder="1">
      <alignment vertical="center"/>
    </xf>
    <xf numFmtId="0" fontId="0" fillId="0" borderId="39" xfId="0" applyBorder="1">
      <alignment vertical="center"/>
    </xf>
    <xf numFmtId="0" fontId="12" fillId="0" borderId="0" xfId="0" applyFont="1">
      <alignment vertical="center"/>
    </xf>
    <xf numFmtId="0" fontId="14" fillId="0" borderId="0" xfId="0" applyFont="1">
      <alignment vertical="center"/>
    </xf>
    <xf numFmtId="0" fontId="0" fillId="0" borderId="0" xfId="0" applyFill="1" applyBorder="1">
      <alignment vertical="center"/>
    </xf>
    <xf numFmtId="0" fontId="0" fillId="0" borderId="60" xfId="0" applyBorder="1">
      <alignment vertical="center"/>
    </xf>
    <xf numFmtId="0" fontId="0" fillId="0" borderId="16" xfId="0" applyBorder="1">
      <alignment vertical="center"/>
    </xf>
    <xf numFmtId="0" fontId="14" fillId="0" borderId="1" xfId="0" applyFont="1" applyBorder="1" applyAlignment="1">
      <alignment horizontal="center" vertical="center"/>
    </xf>
    <xf numFmtId="0" fontId="0" fillId="0" borderId="0" xfId="0" applyAlignment="1">
      <alignment horizontal="right" vertical="center"/>
    </xf>
    <xf numFmtId="0" fontId="0" fillId="0" borderId="0" xfId="0" applyAlignment="1">
      <alignment horizontal="left" vertical="center"/>
    </xf>
    <xf numFmtId="0" fontId="9" fillId="0" borderId="0" xfId="0" applyFont="1" applyBorder="1" applyAlignment="1">
      <alignment horizontal="center" vertical="center"/>
    </xf>
    <xf numFmtId="0" fontId="4" fillId="0" borderId="0" xfId="5" applyNumberFormat="1" applyFont="1" applyFill="1" applyBorder="1" applyAlignment="1"/>
    <xf numFmtId="0" fontId="9" fillId="0" borderId="74" xfId="0" applyFont="1" applyBorder="1">
      <alignment vertical="center"/>
    </xf>
    <xf numFmtId="0" fontId="0" fillId="0" borderId="82" xfId="0" applyBorder="1" applyAlignment="1">
      <alignment horizontal="center" vertical="center"/>
    </xf>
    <xf numFmtId="0" fontId="0" fillId="0" borderId="36" xfId="0" applyBorder="1" applyAlignment="1">
      <alignment horizontal="center" vertical="center"/>
    </xf>
    <xf numFmtId="0" fontId="0" fillId="0" borderId="37" xfId="0" applyBorder="1" applyAlignment="1">
      <alignment horizontal="center" vertical="center"/>
    </xf>
    <xf numFmtId="0" fontId="0" fillId="0" borderId="15" xfId="0" applyBorder="1">
      <alignment vertical="center"/>
    </xf>
    <xf numFmtId="0" fontId="0" fillId="0" borderId="17" xfId="0" applyBorder="1">
      <alignment vertical="center"/>
    </xf>
    <xf numFmtId="0" fontId="0" fillId="0" borderId="10" xfId="0" applyBorder="1">
      <alignment vertical="center"/>
    </xf>
    <xf numFmtId="0" fontId="0" fillId="0" borderId="29" xfId="0" applyBorder="1">
      <alignment vertical="center"/>
    </xf>
    <xf numFmtId="0" fontId="0" fillId="0" borderId="13" xfId="0" applyBorder="1">
      <alignment vertical="center"/>
    </xf>
    <xf numFmtId="0" fontId="0" fillId="0" borderId="45" xfId="0" applyBorder="1" applyAlignment="1">
      <alignment horizontal="center" vertical="center"/>
    </xf>
    <xf numFmtId="0" fontId="0" fillId="0" borderId="46" xfId="0" applyFill="1" applyBorder="1" applyAlignment="1">
      <alignment horizontal="center" vertical="center"/>
    </xf>
    <xf numFmtId="0" fontId="0" fillId="0" borderId="44" xfId="0" applyBorder="1" applyAlignment="1">
      <alignment horizontal="center" vertical="center"/>
    </xf>
    <xf numFmtId="0" fontId="0" fillId="0" borderId="73" xfId="0" applyBorder="1" applyAlignment="1">
      <alignment horizontal="center" vertical="center"/>
    </xf>
    <xf numFmtId="0" fontId="21" fillId="0" borderId="0" xfId="0" applyFont="1">
      <alignment vertical="center"/>
    </xf>
    <xf numFmtId="0" fontId="14" fillId="0" borderId="1" xfId="0" applyFont="1" applyBorder="1" applyAlignment="1">
      <alignment horizontal="center" vertical="center" wrapText="1"/>
    </xf>
    <xf numFmtId="0" fontId="22" fillId="0" borderId="0" xfId="0" applyFont="1" applyAlignment="1">
      <alignment horizontal="right" vertical="center"/>
    </xf>
    <xf numFmtId="0" fontId="22" fillId="0" borderId="0" xfId="0" applyFont="1" applyAlignment="1">
      <alignment horizontal="left" vertical="center"/>
    </xf>
    <xf numFmtId="0" fontId="22" fillId="0" borderId="0" xfId="0" applyFont="1">
      <alignment vertical="center"/>
    </xf>
    <xf numFmtId="0" fontId="22" fillId="0" borderId="1" xfId="0" applyFont="1" applyBorder="1" applyAlignment="1">
      <alignment horizontal="center" vertical="center"/>
    </xf>
    <xf numFmtId="0" fontId="22" fillId="0" borderId="0" xfId="0" applyFont="1" applyBorder="1" applyAlignment="1">
      <alignment horizontal="center" vertical="center"/>
    </xf>
    <xf numFmtId="0" fontId="22" fillId="0" borderId="0" xfId="0" applyFont="1" applyBorder="1" applyAlignment="1">
      <alignment horizontal="center" vertical="center" wrapText="1"/>
    </xf>
    <xf numFmtId="0" fontId="22" fillId="0" borderId="1" xfId="0" applyFont="1" applyBorder="1">
      <alignment vertical="center"/>
    </xf>
    <xf numFmtId="0" fontId="22" fillId="0" borderId="0" xfId="0" applyFont="1" applyBorder="1">
      <alignment vertical="center"/>
    </xf>
    <xf numFmtId="0" fontId="22" fillId="0" borderId="1" xfId="0" applyFont="1" applyBorder="1" applyAlignment="1">
      <alignment vertical="center" wrapText="1"/>
    </xf>
    <xf numFmtId="0" fontId="23" fillId="0" borderId="0" xfId="0" applyFont="1">
      <alignment vertical="center"/>
    </xf>
    <xf numFmtId="0" fontId="15" fillId="0" borderId="0" xfId="0" applyFont="1" applyAlignment="1">
      <alignment horizontal="right" vertical="center"/>
    </xf>
    <xf numFmtId="0" fontId="11" fillId="0" borderId="0" xfId="5" applyNumberFormat="1" applyFont="1" applyFill="1" applyBorder="1" applyAlignment="1"/>
    <xf numFmtId="0" fontId="9" fillId="0" borderId="0" xfId="0" applyFont="1" applyBorder="1" applyAlignment="1"/>
    <xf numFmtId="0" fontId="0" fillId="0" borderId="0" xfId="0" applyAlignment="1"/>
    <xf numFmtId="0" fontId="22" fillId="0" borderId="1" xfId="0" applyFont="1" applyBorder="1" applyAlignment="1">
      <alignment horizontal="left" vertical="center"/>
    </xf>
    <xf numFmtId="38" fontId="22" fillId="0" borderId="1" xfId="3" applyFont="1" applyBorder="1" applyAlignment="1">
      <alignment horizontal="left" vertical="center"/>
    </xf>
    <xf numFmtId="0" fontId="4" fillId="0" borderId="80" xfId="0" applyFont="1" applyBorder="1" applyAlignment="1">
      <alignment horizontal="center" vertical="center" wrapText="1"/>
    </xf>
    <xf numFmtId="177" fontId="9" fillId="0" borderId="85" xfId="4" applyNumberFormat="1" applyFont="1" applyBorder="1">
      <alignment vertical="center"/>
    </xf>
    <xf numFmtId="0" fontId="9" fillId="0" borderId="88" xfId="0" applyFont="1" applyBorder="1" applyAlignment="1">
      <alignment horizontal="right" vertical="center"/>
    </xf>
    <xf numFmtId="0" fontId="9" fillId="0" borderId="41" xfId="0" applyFont="1" applyBorder="1" applyAlignment="1">
      <alignment horizontal="right" vertical="center"/>
    </xf>
    <xf numFmtId="0" fontId="9" fillId="0" borderId="89" xfId="0" applyFont="1" applyBorder="1" applyAlignment="1">
      <alignment horizontal="center" vertical="center"/>
    </xf>
    <xf numFmtId="0" fontId="9" fillId="0" borderId="90" xfId="0" applyFont="1" applyBorder="1" applyAlignment="1">
      <alignment horizontal="center" vertical="center"/>
    </xf>
    <xf numFmtId="38" fontId="22" fillId="0" borderId="1" xfId="3" applyFont="1" applyBorder="1">
      <alignment vertical="center"/>
    </xf>
    <xf numFmtId="0" fontId="24" fillId="0" borderId="0" xfId="0" applyFont="1">
      <alignment vertical="center"/>
    </xf>
    <xf numFmtId="177" fontId="9" fillId="3" borderId="13" xfId="4" applyNumberFormat="1" applyFont="1" applyFill="1" applyBorder="1">
      <alignment vertical="center"/>
    </xf>
    <xf numFmtId="0" fontId="9" fillId="0" borderId="103" xfId="0" applyFont="1" applyBorder="1" applyAlignment="1">
      <alignment horizontal="center" vertical="center" wrapText="1"/>
    </xf>
    <xf numFmtId="0" fontId="9" fillId="0" borderId="50" xfId="0" applyFont="1" applyBorder="1" applyAlignment="1">
      <alignment horizontal="right" vertical="center"/>
    </xf>
    <xf numFmtId="0" fontId="3" fillId="0" borderId="0" xfId="0" applyFont="1" applyAlignment="1">
      <alignment horizontal="right" vertical="center"/>
    </xf>
    <xf numFmtId="0" fontId="15" fillId="0" borderId="0" xfId="0" applyFont="1" applyAlignment="1">
      <alignment vertical="center"/>
    </xf>
    <xf numFmtId="0" fontId="0" fillId="0" borderId="4" xfId="0" applyBorder="1" applyAlignment="1">
      <alignment horizontal="left" vertical="center"/>
    </xf>
    <xf numFmtId="0" fontId="0" fillId="0" borderId="5" xfId="0" applyBorder="1" applyAlignment="1">
      <alignment horizontal="left" vertical="center"/>
    </xf>
    <xf numFmtId="0" fontId="0" fillId="0" borderId="51" xfId="0" applyBorder="1" applyAlignment="1">
      <alignment horizontal="left" vertical="center"/>
    </xf>
    <xf numFmtId="0" fontId="15" fillId="0" borderId="1" xfId="0" applyFont="1" applyBorder="1" applyAlignment="1">
      <alignment horizontal="center" vertical="center"/>
    </xf>
    <xf numFmtId="177" fontId="9" fillId="0" borderId="13" xfId="4" applyNumberFormat="1" applyFont="1" applyFill="1" applyBorder="1">
      <alignment vertical="center"/>
    </xf>
    <xf numFmtId="0" fontId="10" fillId="0" borderId="24" xfId="0" applyFont="1" applyBorder="1" applyAlignment="1">
      <alignment horizontal="center" vertical="center"/>
    </xf>
    <xf numFmtId="0" fontId="10" fillId="0" borderId="74" xfId="0" applyFont="1" applyBorder="1" applyAlignment="1">
      <alignment horizontal="center" vertical="center"/>
    </xf>
    <xf numFmtId="0" fontId="10" fillId="0" borderId="10" xfId="0" applyFont="1" applyBorder="1">
      <alignment vertical="center"/>
    </xf>
    <xf numFmtId="0" fontId="10" fillId="0" borderId="29" xfId="0" applyFont="1" applyBorder="1">
      <alignment vertical="center"/>
    </xf>
    <xf numFmtId="0" fontId="10" fillId="0" borderId="101" xfId="0" applyFont="1" applyBorder="1">
      <alignment vertical="center"/>
    </xf>
    <xf numFmtId="0" fontId="10" fillId="0" borderId="79" xfId="0" applyFont="1" applyBorder="1" applyAlignment="1">
      <alignment horizontal="center" vertical="center"/>
    </xf>
    <xf numFmtId="0" fontId="10" fillId="0" borderId="80" xfId="0" applyFont="1" applyBorder="1">
      <alignment vertical="center"/>
    </xf>
    <xf numFmtId="0" fontId="10" fillId="0" borderId="81" xfId="0" applyFont="1" applyBorder="1" applyAlignment="1">
      <alignment horizontal="center" vertical="center"/>
    </xf>
    <xf numFmtId="0" fontId="10" fillId="0" borderId="28" xfId="0" applyFont="1" applyBorder="1">
      <alignment vertical="center"/>
    </xf>
    <xf numFmtId="0" fontId="10" fillId="0" borderId="19" xfId="0" applyFont="1" applyBorder="1" applyAlignment="1">
      <alignment horizontal="center" vertical="center"/>
    </xf>
    <xf numFmtId="0" fontId="10" fillId="0" borderId="100" xfId="0" applyFont="1" applyBorder="1">
      <alignment vertical="center"/>
    </xf>
    <xf numFmtId="0" fontId="10" fillId="0" borderId="1" xfId="0" applyFont="1" applyBorder="1" applyAlignment="1">
      <alignment horizontal="center" vertical="center"/>
    </xf>
    <xf numFmtId="0" fontId="10" fillId="0" borderId="1" xfId="0" applyFont="1" applyBorder="1">
      <alignment vertical="center"/>
    </xf>
    <xf numFmtId="177" fontId="10" fillId="0" borderId="1" xfId="4" applyNumberFormat="1" applyFont="1" applyBorder="1">
      <alignment vertical="center"/>
    </xf>
    <xf numFmtId="0" fontId="25" fillId="0" borderId="1" xfId="0" applyFont="1" applyBorder="1" applyAlignment="1">
      <alignment horizontal="center" vertical="center"/>
    </xf>
    <xf numFmtId="0" fontId="10" fillId="0" borderId="0" xfId="0" applyFont="1" applyFill="1" applyBorder="1">
      <alignment vertical="center"/>
    </xf>
    <xf numFmtId="0" fontId="11" fillId="0" borderId="0" xfId="0" applyFont="1" applyAlignment="1">
      <alignment vertical="center"/>
    </xf>
    <xf numFmtId="0" fontId="25" fillId="0" borderId="0" xfId="0" applyFont="1" applyAlignment="1">
      <alignment vertical="center"/>
    </xf>
    <xf numFmtId="0" fontId="10" fillId="0" borderId="0" xfId="0" applyFont="1" applyFill="1" applyBorder="1" applyAlignment="1">
      <alignment horizontal="left" vertical="center"/>
    </xf>
    <xf numFmtId="0" fontId="10" fillId="2" borderId="1" xfId="0" applyFont="1" applyFill="1" applyBorder="1">
      <alignment vertical="center"/>
    </xf>
    <xf numFmtId="177" fontId="10" fillId="2" borderId="1" xfId="4" applyNumberFormat="1" applyFont="1" applyFill="1" applyBorder="1">
      <alignment vertical="center"/>
    </xf>
    <xf numFmtId="0" fontId="15" fillId="0" borderId="1" xfId="0" applyFont="1" applyBorder="1">
      <alignment vertical="center"/>
    </xf>
    <xf numFmtId="0" fontId="15" fillId="2" borderId="1" xfId="0" applyFont="1" applyFill="1" applyBorder="1">
      <alignment vertical="center"/>
    </xf>
    <xf numFmtId="0" fontId="15" fillId="0" borderId="1" xfId="0" applyFont="1" applyBorder="1" applyAlignment="1">
      <alignment horizontal="center" vertical="center" wrapText="1"/>
    </xf>
    <xf numFmtId="0" fontId="10" fillId="0" borderId="1" xfId="0" applyFont="1" applyFill="1" applyBorder="1">
      <alignment vertical="center"/>
    </xf>
    <xf numFmtId="0" fontId="10" fillId="2" borderId="1" xfId="0" applyFont="1" applyFill="1" applyBorder="1" applyAlignment="1">
      <alignment horizontal="left" vertical="center"/>
    </xf>
    <xf numFmtId="0" fontId="10" fillId="0" borderId="1" xfId="0" applyFont="1" applyBorder="1" applyAlignment="1">
      <alignment horizontal="left" vertical="center"/>
    </xf>
    <xf numFmtId="0" fontId="10" fillId="0" borderId="1" xfId="0" applyFont="1" applyFill="1" applyBorder="1" applyAlignment="1">
      <alignment horizontal="left" vertical="center"/>
    </xf>
    <xf numFmtId="0" fontId="22" fillId="0" borderId="1" xfId="0" applyFont="1" applyBorder="1" applyAlignment="1">
      <alignment horizontal="center" vertical="center" wrapText="1"/>
    </xf>
    <xf numFmtId="0" fontId="13" fillId="0" borderId="1" xfId="0" applyFont="1" applyBorder="1" applyAlignment="1">
      <alignment horizontal="center" vertical="center" wrapText="1"/>
    </xf>
    <xf numFmtId="0" fontId="9" fillId="0" borderId="51" xfId="0" applyFont="1" applyBorder="1" applyAlignment="1">
      <alignment horizontal="center" vertical="center"/>
    </xf>
    <xf numFmtId="177" fontId="9" fillId="0" borderId="29" xfId="4" applyNumberFormat="1" applyFont="1" applyBorder="1">
      <alignment vertical="center"/>
    </xf>
    <xf numFmtId="0" fontId="9" fillId="0" borderId="38" xfId="0" applyFont="1" applyBorder="1" applyAlignment="1">
      <alignment horizontal="right" vertical="center"/>
    </xf>
    <xf numFmtId="0" fontId="9" fillId="0" borderId="108" xfId="0" applyFont="1" applyBorder="1" applyAlignment="1">
      <alignment horizontal="right" vertical="center"/>
    </xf>
    <xf numFmtId="0" fontId="9" fillId="0" borderId="34" xfId="0" applyFont="1" applyBorder="1" applyAlignment="1">
      <alignment horizontal="right" vertical="center"/>
    </xf>
    <xf numFmtId="177" fontId="9" fillId="0" borderId="47" xfId="4" applyNumberFormat="1" applyFont="1" applyBorder="1">
      <alignment vertical="center"/>
    </xf>
    <xf numFmtId="177" fontId="9" fillId="3" borderId="29" xfId="4" applyNumberFormat="1" applyFont="1" applyFill="1" applyBorder="1">
      <alignment vertical="center"/>
    </xf>
    <xf numFmtId="0" fontId="0" fillId="0" borderId="99" xfId="0" applyBorder="1" applyAlignment="1">
      <alignment horizontal="center" vertical="center"/>
    </xf>
    <xf numFmtId="0" fontId="0" fillId="0" borderId="6" xfId="0" applyBorder="1" applyAlignment="1">
      <alignment horizontal="center" vertical="center"/>
    </xf>
    <xf numFmtId="0" fontId="0" fillId="0" borderId="109" xfId="0" applyBorder="1" applyAlignment="1">
      <alignment horizontal="center" vertical="center"/>
    </xf>
    <xf numFmtId="178" fontId="0" fillId="0" borderId="19" xfId="0" applyNumberFormat="1" applyBorder="1">
      <alignment vertical="center"/>
    </xf>
    <xf numFmtId="178" fontId="0" fillId="0" borderId="20" xfId="0" applyNumberFormat="1" applyBorder="1">
      <alignment vertical="center"/>
    </xf>
    <xf numFmtId="178" fontId="0" fillId="0" borderId="21" xfId="0" applyNumberFormat="1" applyBorder="1">
      <alignment vertical="center"/>
    </xf>
    <xf numFmtId="176" fontId="26" fillId="0" borderId="1" xfId="0" applyNumberFormat="1" applyFont="1" applyBorder="1">
      <alignment vertical="center"/>
    </xf>
    <xf numFmtId="176" fontId="24" fillId="0" borderId="1" xfId="0" applyNumberFormat="1" applyFont="1" applyBorder="1">
      <alignment vertical="center"/>
    </xf>
    <xf numFmtId="0" fontId="28" fillId="0" borderId="0" xfId="0" applyFont="1">
      <alignment vertical="center"/>
    </xf>
    <xf numFmtId="0" fontId="27" fillId="0" borderId="116" xfId="0" applyFont="1" applyBorder="1" applyAlignment="1">
      <alignment horizontal="left" vertical="center"/>
    </xf>
    <xf numFmtId="0" fontId="27" fillId="0" borderId="117" xfId="0" applyFont="1" applyBorder="1" applyAlignment="1">
      <alignment horizontal="right" vertical="center"/>
    </xf>
    <xf numFmtId="0" fontId="27" fillId="0" borderId="117" xfId="0" applyFont="1" applyBorder="1" applyAlignment="1">
      <alignment horizontal="left" vertical="center"/>
    </xf>
    <xf numFmtId="0" fontId="27" fillId="0" borderId="70" xfId="0" applyFont="1" applyBorder="1" applyAlignment="1">
      <alignment horizontal="left" vertical="center"/>
    </xf>
    <xf numFmtId="0" fontId="27" fillId="0" borderId="117" xfId="0" applyFont="1" applyBorder="1">
      <alignment vertical="center"/>
    </xf>
    <xf numFmtId="0" fontId="27" fillId="0" borderId="116" xfId="5" applyNumberFormat="1" applyFont="1" applyFill="1" applyBorder="1" applyAlignment="1">
      <alignment horizontal="left" vertical="center" wrapText="1"/>
    </xf>
    <xf numFmtId="0" fontId="27" fillId="0" borderId="117" xfId="5" applyNumberFormat="1" applyFont="1" applyFill="1" applyBorder="1" applyAlignment="1">
      <alignment horizontal="right" vertical="center" wrapText="1"/>
    </xf>
    <xf numFmtId="0" fontId="27" fillId="0" borderId="118" xfId="0" applyFont="1" applyBorder="1" applyAlignment="1">
      <alignment horizontal="left" vertical="center"/>
    </xf>
    <xf numFmtId="0" fontId="27" fillId="0" borderId="119" xfId="0" applyFont="1" applyBorder="1" applyAlignment="1">
      <alignment horizontal="right" vertical="center"/>
    </xf>
    <xf numFmtId="0" fontId="27" fillId="0" borderId="119" xfId="0" applyFont="1" applyBorder="1" applyAlignment="1">
      <alignment horizontal="left" vertical="center"/>
    </xf>
    <xf numFmtId="0" fontId="27" fillId="0" borderId="120" xfId="0" applyFont="1" applyBorder="1" applyAlignment="1">
      <alignment horizontal="left" vertical="center"/>
    </xf>
    <xf numFmtId="0" fontId="27" fillId="0" borderId="119" xfId="0" applyFont="1" applyBorder="1">
      <alignment vertical="center"/>
    </xf>
    <xf numFmtId="0" fontId="29" fillId="0" borderId="0" xfId="0" applyFont="1" applyAlignment="1">
      <alignment horizontal="left" vertical="center"/>
    </xf>
    <xf numFmtId="0" fontId="29" fillId="0" borderId="0" xfId="0" applyFont="1" applyAlignment="1">
      <alignment horizontal="right" vertical="center"/>
    </xf>
    <xf numFmtId="0" fontId="29" fillId="0" borderId="0" xfId="0" applyFont="1" applyBorder="1" applyAlignment="1">
      <alignment horizontal="left" vertical="center"/>
    </xf>
    <xf numFmtId="0" fontId="29" fillId="0" borderId="0" xfId="5" applyNumberFormat="1" applyFont="1" applyFill="1" applyBorder="1" applyAlignment="1">
      <alignment horizontal="left" vertical="center" wrapText="1"/>
    </xf>
    <xf numFmtId="0" fontId="29" fillId="0" borderId="0" xfId="5" applyNumberFormat="1" applyFont="1" applyFill="1" applyBorder="1" applyAlignment="1">
      <alignment horizontal="right" vertical="center" wrapText="1"/>
    </xf>
    <xf numFmtId="0" fontId="29" fillId="0" borderId="0" xfId="0" applyFont="1" applyBorder="1" applyAlignment="1">
      <alignment horizontal="right" vertical="center"/>
    </xf>
    <xf numFmtId="0" fontId="29" fillId="0" borderId="0" xfId="5" applyNumberFormat="1" applyFont="1" applyFill="1" applyBorder="1" applyAlignment="1">
      <alignment horizontal="left" vertical="center"/>
    </xf>
    <xf numFmtId="0" fontId="29" fillId="0" borderId="0" xfId="5" applyNumberFormat="1" applyFont="1" applyFill="1" applyBorder="1" applyAlignment="1">
      <alignment horizontal="right" vertical="center"/>
    </xf>
    <xf numFmtId="0" fontId="4" fillId="0" borderId="0" xfId="5" applyNumberFormat="1" applyFont="1" applyFill="1" applyBorder="1" applyAlignment="1">
      <alignment wrapText="1"/>
    </xf>
    <xf numFmtId="0" fontId="0" fillId="0" borderId="0" xfId="0" applyAlignment="1">
      <alignment vertical="center"/>
    </xf>
    <xf numFmtId="0" fontId="4" fillId="0" borderId="0" xfId="5" applyNumberFormat="1" applyFont="1" applyFill="1" applyBorder="1" applyAlignment="1">
      <alignment vertical="center"/>
    </xf>
    <xf numFmtId="0" fontId="4" fillId="0" borderId="0" xfId="5" applyNumberFormat="1" applyFont="1" applyFill="1" applyBorder="1" applyAlignment="1">
      <alignment vertical="center" wrapText="1"/>
    </xf>
    <xf numFmtId="0" fontId="9" fillId="0" borderId="0" xfId="0" applyFont="1" applyBorder="1" applyAlignment="1">
      <alignment vertical="center"/>
    </xf>
    <xf numFmtId="0" fontId="20" fillId="0" borderId="0" xfId="5" applyNumberFormat="1" applyFont="1" applyFill="1" applyBorder="1" applyAlignment="1">
      <alignment vertical="center" wrapText="1"/>
    </xf>
    <xf numFmtId="0" fontId="9" fillId="0" borderId="0" xfId="0" applyFont="1" applyFill="1" applyBorder="1" applyAlignment="1">
      <alignment vertical="center"/>
    </xf>
    <xf numFmtId="0" fontId="9" fillId="0" borderId="0" xfId="5" applyNumberFormat="1" applyFont="1" applyFill="1" applyBorder="1" applyAlignment="1">
      <alignment vertical="center"/>
    </xf>
    <xf numFmtId="0" fontId="5" fillId="0" borderId="0" xfId="5" applyNumberFormat="1" applyFont="1" applyFill="1" applyBorder="1" applyAlignment="1">
      <alignment vertical="center" wrapText="1"/>
    </xf>
    <xf numFmtId="0" fontId="10" fillId="0" borderId="0" xfId="0" applyFont="1" applyBorder="1" applyAlignment="1">
      <alignment vertical="center"/>
    </xf>
    <xf numFmtId="0" fontId="30" fillId="0" borderId="1" xfId="5" applyNumberFormat="1" applyFont="1" applyFill="1" applyBorder="1" applyAlignment="1">
      <alignment vertical="center" wrapText="1"/>
    </xf>
    <xf numFmtId="0" fontId="9" fillId="0" borderId="1" xfId="5" applyNumberFormat="1" applyFont="1" applyFill="1" applyBorder="1" applyAlignment="1">
      <alignment vertical="center"/>
    </xf>
    <xf numFmtId="0" fontId="9" fillId="0" borderId="1" xfId="5" applyNumberFormat="1" applyFont="1" applyFill="1" applyBorder="1" applyAlignment="1">
      <alignment vertical="center" wrapText="1"/>
    </xf>
    <xf numFmtId="0" fontId="10" fillId="0" borderId="0" xfId="5" applyNumberFormat="1" applyFont="1" applyFill="1" applyBorder="1" applyAlignment="1"/>
    <xf numFmtId="0" fontId="32" fillId="0" borderId="0" xfId="0" applyFont="1">
      <alignment vertical="center"/>
    </xf>
    <xf numFmtId="0" fontId="33" fillId="0" borderId="0" xfId="0" applyFont="1" applyAlignment="1">
      <alignment horizontal="center" vertical="center"/>
    </xf>
    <xf numFmtId="0" fontId="32" fillId="0" borderId="0" xfId="0" applyFont="1" applyAlignment="1">
      <alignment horizontal="center" vertical="center"/>
    </xf>
    <xf numFmtId="0" fontId="32" fillId="0" borderId="23" xfId="0" applyFont="1" applyBorder="1" applyAlignment="1">
      <alignment horizontal="center" vertical="center" wrapText="1"/>
    </xf>
    <xf numFmtId="0" fontId="32" fillId="0" borderId="2" xfId="0" applyFont="1" applyBorder="1">
      <alignment vertical="center"/>
    </xf>
    <xf numFmtId="0" fontId="32" fillId="0" borderId="0" xfId="0" applyFont="1" applyBorder="1">
      <alignment vertical="center"/>
    </xf>
    <xf numFmtId="0" fontId="32" fillId="0" borderId="31" xfId="0" applyFont="1" applyBorder="1" applyAlignment="1">
      <alignment horizontal="center" vertical="center"/>
    </xf>
    <xf numFmtId="0" fontId="32" fillId="0" borderId="24" xfId="0" applyFont="1" applyBorder="1" applyAlignment="1">
      <alignment horizontal="center" vertical="center"/>
    </xf>
    <xf numFmtId="0" fontId="33" fillId="0" borderId="0" xfId="0" applyFont="1">
      <alignment vertical="center"/>
    </xf>
    <xf numFmtId="0" fontId="32" fillId="0" borderId="15" xfId="0" applyFont="1" applyBorder="1" applyAlignment="1">
      <alignment horizontal="center" vertical="center" wrapText="1"/>
    </xf>
    <xf numFmtId="0" fontId="32" fillId="0" borderId="17" xfId="0" applyFont="1" applyBorder="1" applyAlignment="1">
      <alignment horizontal="center" vertical="center" wrapText="1"/>
    </xf>
    <xf numFmtId="0" fontId="32" fillId="0" borderId="0" xfId="0" applyFont="1" applyBorder="1" applyAlignment="1">
      <alignment horizontal="center" vertical="center"/>
    </xf>
    <xf numFmtId="0" fontId="33" fillId="0" borderId="0" xfId="0" applyFont="1" applyFill="1" applyAlignment="1">
      <alignment horizontal="left" vertical="center"/>
    </xf>
    <xf numFmtId="0" fontId="32" fillId="0" borderId="0" xfId="0" applyFont="1" applyFill="1" applyAlignment="1">
      <alignment vertical="center"/>
    </xf>
    <xf numFmtId="0" fontId="32" fillId="0" borderId="13" xfId="0" applyFont="1" applyFill="1" applyBorder="1">
      <alignment vertical="center"/>
    </xf>
    <xf numFmtId="0" fontId="32" fillId="0" borderId="10" xfId="0" applyFont="1" applyFill="1" applyBorder="1">
      <alignment vertical="center"/>
    </xf>
    <xf numFmtId="0" fontId="32" fillId="0" borderId="24" xfId="0" applyFont="1" applyFill="1" applyBorder="1" applyAlignment="1">
      <alignment horizontal="center" vertical="center"/>
    </xf>
    <xf numFmtId="0" fontId="32" fillId="0" borderId="107" xfId="0" applyFont="1" applyBorder="1">
      <alignment vertical="center"/>
    </xf>
    <xf numFmtId="0" fontId="32" fillId="0" borderId="29" xfId="0" applyFont="1" applyFill="1" applyBorder="1">
      <alignment vertical="center"/>
    </xf>
    <xf numFmtId="0" fontId="32" fillId="0" borderId="0" xfId="0" applyFont="1" applyFill="1" applyBorder="1">
      <alignment vertical="center"/>
    </xf>
    <xf numFmtId="0" fontId="32" fillId="0" borderId="0" xfId="0" applyFont="1" applyFill="1" applyBorder="1" applyAlignment="1">
      <alignment vertical="center"/>
    </xf>
    <xf numFmtId="0" fontId="32" fillId="0" borderId="0" xfId="0" applyFont="1" applyFill="1">
      <alignment vertical="center"/>
    </xf>
    <xf numFmtId="0" fontId="33" fillId="0" borderId="0" xfId="0" applyFont="1" applyFill="1" applyBorder="1" applyAlignment="1">
      <alignment vertical="center"/>
    </xf>
    <xf numFmtId="0" fontId="32" fillId="0" borderId="0" xfId="0" applyFont="1" applyFill="1" applyBorder="1" applyAlignment="1">
      <alignment horizontal="left" vertical="center" wrapText="1"/>
    </xf>
    <xf numFmtId="0" fontId="32" fillId="0" borderId="52" xfId="0" applyFont="1" applyBorder="1" applyAlignment="1">
      <alignment horizontal="center" vertical="center"/>
    </xf>
    <xf numFmtId="0" fontId="32" fillId="0" borderId="55" xfId="0" applyFont="1" applyBorder="1" applyAlignment="1">
      <alignment horizontal="center" vertical="center"/>
    </xf>
    <xf numFmtId="0" fontId="32" fillId="0" borderId="103" xfId="0" applyFont="1" applyBorder="1" applyAlignment="1">
      <alignment horizontal="center" vertical="center"/>
    </xf>
    <xf numFmtId="0" fontId="32" fillId="0" borderId="4" xfId="0" applyFont="1" applyBorder="1" applyAlignment="1">
      <alignment horizontal="center" vertical="center"/>
    </xf>
    <xf numFmtId="0" fontId="32" fillId="0" borderId="22" xfId="0" applyFont="1" applyBorder="1" applyAlignment="1">
      <alignment horizontal="center" vertical="center"/>
    </xf>
    <xf numFmtId="0" fontId="32" fillId="0" borderId="18" xfId="0" applyFont="1" applyBorder="1" applyAlignment="1">
      <alignment horizontal="center" vertical="center"/>
    </xf>
    <xf numFmtId="0" fontId="32" fillId="0" borderId="0" xfId="0" applyFont="1" applyFill="1" applyBorder="1" applyAlignment="1">
      <alignment horizontal="left" vertical="center"/>
    </xf>
    <xf numFmtId="0" fontId="32" fillId="0" borderId="42" xfId="0" applyFont="1" applyBorder="1">
      <alignment vertical="center"/>
    </xf>
    <xf numFmtId="0" fontId="32" fillId="0" borderId="111" xfId="0" applyFont="1" applyBorder="1" applyAlignment="1">
      <alignment horizontal="center" vertical="center"/>
    </xf>
    <xf numFmtId="0" fontId="32" fillId="0" borderId="98" xfId="0" applyFont="1" applyBorder="1">
      <alignment vertical="center"/>
    </xf>
    <xf numFmtId="0" fontId="32" fillId="0" borderId="48" xfId="0" applyFont="1" applyBorder="1">
      <alignment vertical="center"/>
    </xf>
    <xf numFmtId="0" fontId="32" fillId="0" borderId="54" xfId="0" applyFont="1" applyBorder="1">
      <alignment vertical="center"/>
    </xf>
    <xf numFmtId="0" fontId="32" fillId="0" borderId="5" xfId="0" applyFont="1" applyBorder="1" applyAlignment="1">
      <alignment horizontal="center" vertical="center"/>
    </xf>
    <xf numFmtId="0" fontId="32" fillId="0" borderId="0" xfId="0" applyFont="1" applyFill="1" applyBorder="1" applyAlignment="1">
      <alignment horizontal="center" vertical="center"/>
    </xf>
    <xf numFmtId="0" fontId="32" fillId="0" borderId="91" xfId="0" applyFont="1" applyFill="1" applyBorder="1" applyAlignment="1">
      <alignment horizontal="left" vertical="center"/>
    </xf>
    <xf numFmtId="0" fontId="32" fillId="0" borderId="69" xfId="0" applyFont="1" applyFill="1" applyBorder="1" applyAlignment="1">
      <alignment horizontal="left" vertical="center"/>
    </xf>
    <xf numFmtId="0" fontId="32" fillId="0" borderId="92" xfId="0" applyFont="1" applyFill="1" applyBorder="1" applyAlignment="1">
      <alignment horizontal="left" vertical="center"/>
    </xf>
    <xf numFmtId="0" fontId="32" fillId="0" borderId="59" xfId="0" applyFont="1" applyFill="1" applyBorder="1" applyAlignment="1">
      <alignment horizontal="left" vertical="center"/>
    </xf>
    <xf numFmtId="0" fontId="32" fillId="0" borderId="93" xfId="0" applyFont="1" applyFill="1" applyBorder="1" applyAlignment="1">
      <alignment horizontal="left" vertical="center"/>
    </xf>
    <xf numFmtId="0" fontId="32" fillId="0" borderId="57" xfId="0" applyFont="1" applyFill="1" applyBorder="1" applyAlignment="1">
      <alignment horizontal="left" vertical="center"/>
    </xf>
    <xf numFmtId="0" fontId="32" fillId="0" borderId="12" xfId="0" applyFont="1" applyBorder="1">
      <alignment vertical="center"/>
    </xf>
    <xf numFmtId="0" fontId="32" fillId="0" borderId="11" xfId="0" applyFont="1" applyBorder="1" applyAlignment="1">
      <alignment horizontal="center" vertical="center"/>
    </xf>
    <xf numFmtId="0" fontId="32" fillId="0" borderId="74" xfId="0" applyFont="1" applyBorder="1">
      <alignment vertical="center"/>
    </xf>
    <xf numFmtId="0" fontId="32" fillId="0" borderId="53" xfId="0" applyFont="1" applyBorder="1">
      <alignment vertical="center"/>
    </xf>
    <xf numFmtId="0" fontId="32" fillId="0" borderId="85" xfId="0" applyFont="1" applyBorder="1">
      <alignment vertical="center"/>
    </xf>
    <xf numFmtId="0" fontId="32" fillId="0" borderId="65" xfId="0" applyFont="1" applyBorder="1">
      <alignment vertical="center"/>
    </xf>
    <xf numFmtId="0" fontId="32" fillId="0" borderId="104" xfId="0" applyFont="1" applyBorder="1">
      <alignment vertical="center"/>
    </xf>
    <xf numFmtId="0" fontId="32" fillId="0" borderId="53" xfId="0" applyFont="1" applyBorder="1" applyAlignment="1">
      <alignment horizontal="center" vertical="center"/>
    </xf>
    <xf numFmtId="38" fontId="32" fillId="0" borderId="102" xfId="0" applyNumberFormat="1" applyFont="1" applyBorder="1">
      <alignment vertical="center"/>
    </xf>
    <xf numFmtId="38" fontId="32" fillId="0" borderId="72" xfId="0" applyNumberFormat="1" applyFont="1" applyBorder="1">
      <alignment vertical="center"/>
    </xf>
    <xf numFmtId="38" fontId="32" fillId="0" borderId="19" xfId="0" applyNumberFormat="1" applyFont="1" applyBorder="1">
      <alignment vertical="center"/>
    </xf>
    <xf numFmtId="38" fontId="32" fillId="0" borderId="75" xfId="0" applyNumberFormat="1" applyFont="1" applyBorder="1">
      <alignment vertical="center"/>
    </xf>
    <xf numFmtId="38" fontId="32" fillId="0" borderId="95" xfId="0" applyNumberFormat="1" applyFont="1" applyBorder="1">
      <alignment vertical="center"/>
    </xf>
    <xf numFmtId="38" fontId="32" fillId="0" borderId="21" xfId="0" applyNumberFormat="1" applyFont="1" applyBorder="1">
      <alignment vertical="center"/>
    </xf>
    <xf numFmtId="177" fontId="32" fillId="0" borderId="0" xfId="4" applyNumberFormat="1" applyFont="1" applyBorder="1">
      <alignment vertical="center"/>
    </xf>
    <xf numFmtId="0" fontId="32" fillId="0" borderId="64" xfId="0" applyFont="1" applyBorder="1" applyAlignment="1">
      <alignment horizontal="center" vertical="center"/>
    </xf>
    <xf numFmtId="38" fontId="32" fillId="0" borderId="26" xfId="3" applyFont="1" applyBorder="1">
      <alignment vertical="center"/>
    </xf>
    <xf numFmtId="38" fontId="32" fillId="0" borderId="20" xfId="3" applyFont="1" applyBorder="1">
      <alignment vertical="center"/>
    </xf>
    <xf numFmtId="38" fontId="32" fillId="0" borderId="18" xfId="3" applyFont="1" applyBorder="1">
      <alignment vertical="center"/>
    </xf>
    <xf numFmtId="0" fontId="32" fillId="0" borderId="69" xfId="0" applyFont="1" applyFill="1" applyBorder="1" applyAlignment="1">
      <alignment horizontal="right" vertical="center"/>
    </xf>
    <xf numFmtId="0" fontId="32" fillId="0" borderId="0" xfId="0" applyFont="1" applyFill="1" applyBorder="1" applyAlignment="1">
      <alignment horizontal="right" vertical="center"/>
    </xf>
    <xf numFmtId="0" fontId="32" fillId="0" borderId="16" xfId="0" applyFont="1" applyBorder="1" applyAlignment="1">
      <alignment horizontal="center" vertical="center" wrapText="1"/>
    </xf>
    <xf numFmtId="0" fontId="32" fillId="0" borderId="27" xfId="0" applyFont="1" applyBorder="1" applyAlignment="1">
      <alignment horizontal="center" vertical="center"/>
    </xf>
    <xf numFmtId="38" fontId="32" fillId="0" borderId="19" xfId="3" applyFont="1" applyBorder="1">
      <alignment vertical="center"/>
    </xf>
    <xf numFmtId="0" fontId="32" fillId="0" borderId="91" xfId="0" applyFont="1" applyBorder="1" applyAlignment="1">
      <alignment horizontal="center" vertical="center"/>
    </xf>
    <xf numFmtId="0" fontId="32" fillId="0" borderId="109" xfId="0" applyFont="1" applyBorder="1" applyAlignment="1">
      <alignment horizontal="center" vertical="center"/>
    </xf>
    <xf numFmtId="0" fontId="32" fillId="0" borderId="0" xfId="4" applyNumberFormat="1" applyFont="1" applyBorder="1">
      <alignment vertical="center"/>
    </xf>
    <xf numFmtId="0" fontId="32" fillId="0" borderId="0" xfId="0" applyNumberFormat="1" applyFont="1" applyBorder="1">
      <alignment vertical="center"/>
    </xf>
    <xf numFmtId="0" fontId="32" fillId="0" borderId="0" xfId="0" applyNumberFormat="1" applyFont="1" applyFill="1" applyBorder="1">
      <alignment vertical="center"/>
    </xf>
    <xf numFmtId="0" fontId="32" fillId="0" borderId="0" xfId="0" applyFont="1" applyAlignment="1">
      <alignment vertical="top"/>
    </xf>
    <xf numFmtId="0" fontId="35" fillId="0" borderId="23" xfId="0" applyFont="1" applyBorder="1" applyAlignment="1">
      <alignment horizontal="center" vertical="center"/>
    </xf>
    <xf numFmtId="0" fontId="32" fillId="0" borderId="84" xfId="0" applyFont="1" applyBorder="1" applyAlignment="1">
      <alignment horizontal="center" vertical="center"/>
    </xf>
    <xf numFmtId="0" fontId="32" fillId="0" borderId="128" xfId="0" applyFont="1" applyBorder="1" applyAlignment="1">
      <alignment horizontal="center" vertical="center"/>
    </xf>
    <xf numFmtId="38" fontId="32" fillId="0" borderId="135" xfId="0" applyNumberFormat="1" applyFont="1" applyBorder="1">
      <alignment vertical="center"/>
    </xf>
    <xf numFmtId="0" fontId="35" fillId="0" borderId="25" xfId="0" applyFont="1" applyBorder="1" applyAlignment="1">
      <alignment horizontal="center" vertical="center"/>
    </xf>
    <xf numFmtId="0" fontId="35" fillId="0" borderId="55" xfId="0" applyFont="1" applyBorder="1" applyAlignment="1">
      <alignment horizontal="center" vertical="center"/>
    </xf>
    <xf numFmtId="0" fontId="37" fillId="0" borderId="23" xfId="0" applyFont="1" applyBorder="1" applyAlignment="1">
      <alignment horizontal="center" vertical="center"/>
    </xf>
    <xf numFmtId="0" fontId="37" fillId="0" borderId="55" xfId="0" applyFont="1" applyBorder="1" applyAlignment="1">
      <alignment horizontal="center" vertical="center"/>
    </xf>
    <xf numFmtId="0" fontId="32" fillId="0" borderId="69" xfId="0" applyFont="1" applyBorder="1">
      <alignment vertical="center"/>
    </xf>
    <xf numFmtId="38" fontId="32" fillId="0" borderId="137" xfId="3" applyFont="1" applyBorder="1">
      <alignment vertical="center"/>
    </xf>
    <xf numFmtId="38" fontId="32" fillId="0" borderId="129" xfId="3" applyFont="1" applyBorder="1">
      <alignment vertical="center"/>
    </xf>
    <xf numFmtId="0" fontId="32" fillId="0" borderId="2" xfId="0" applyFont="1" applyFill="1" applyBorder="1">
      <alignment vertical="center"/>
    </xf>
    <xf numFmtId="38" fontId="32" fillId="0" borderId="19" xfId="3" applyFont="1" applyFill="1" applyBorder="1">
      <alignment vertical="center"/>
    </xf>
    <xf numFmtId="38" fontId="32" fillId="0" borderId="20" xfId="3" applyFont="1" applyFill="1" applyBorder="1">
      <alignment vertical="center"/>
    </xf>
    <xf numFmtId="0" fontId="32" fillId="0" borderId="16" xfId="0" applyFont="1" applyFill="1" applyBorder="1">
      <alignment vertical="center"/>
    </xf>
    <xf numFmtId="0" fontId="32" fillId="0" borderId="20" xfId="0" applyFont="1" applyFill="1" applyBorder="1">
      <alignment vertical="center"/>
    </xf>
    <xf numFmtId="0" fontId="35" fillId="0" borderId="31" xfId="0" applyFont="1" applyBorder="1" applyAlignment="1">
      <alignment horizontal="center" vertical="center" wrapText="1"/>
    </xf>
    <xf numFmtId="0" fontId="35" fillId="0" borderId="23" xfId="0" applyFont="1" applyBorder="1" applyAlignment="1">
      <alignment horizontal="center" vertical="center" wrapText="1"/>
    </xf>
    <xf numFmtId="0" fontId="35" fillId="0" borderId="25" xfId="0" applyFont="1" applyBorder="1" applyAlignment="1">
      <alignment horizontal="center" vertical="center" wrapText="1"/>
    </xf>
    <xf numFmtId="0" fontId="35" fillId="0" borderId="11" xfId="0" applyFont="1" applyBorder="1" applyAlignment="1">
      <alignment horizontal="center" vertical="center"/>
    </xf>
    <xf numFmtId="0" fontId="35" fillId="0" borderId="0" xfId="0" applyFont="1">
      <alignment vertical="center"/>
    </xf>
    <xf numFmtId="0" fontId="32" fillId="0" borderId="54" xfId="0" applyFont="1" applyFill="1" applyBorder="1">
      <alignment vertical="center"/>
    </xf>
    <xf numFmtId="0" fontId="32" fillId="4" borderId="0" xfId="0" applyFont="1" applyFill="1" applyBorder="1">
      <alignment vertical="center"/>
    </xf>
    <xf numFmtId="9" fontId="32" fillId="0" borderId="0" xfId="4" applyFont="1" applyBorder="1">
      <alignment vertical="center"/>
    </xf>
    <xf numFmtId="0" fontId="34" fillId="0" borderId="91" xfId="1" applyFont="1" applyBorder="1" applyAlignment="1">
      <alignment horizontal="center" vertical="center"/>
    </xf>
    <xf numFmtId="38" fontId="32" fillId="4" borderId="0" xfId="0" applyNumberFormat="1" applyFont="1" applyFill="1" applyBorder="1">
      <alignment vertical="center"/>
    </xf>
    <xf numFmtId="0" fontId="32" fillId="4" borderId="0" xfId="0" applyFont="1" applyFill="1">
      <alignment vertical="center"/>
    </xf>
    <xf numFmtId="0" fontId="34" fillId="0" borderId="98" xfId="1" applyFont="1" applyBorder="1" applyAlignment="1">
      <alignment horizontal="center" vertical="center"/>
    </xf>
    <xf numFmtId="38" fontId="32" fillId="4" borderId="0" xfId="3" applyFont="1" applyFill="1" applyBorder="1" applyAlignment="1">
      <alignment vertical="center"/>
    </xf>
    <xf numFmtId="0" fontId="32" fillId="0" borderId="137" xfId="0" applyFont="1" applyBorder="1" applyAlignment="1">
      <alignment horizontal="center" vertical="center"/>
    </xf>
    <xf numFmtId="0" fontId="32" fillId="4" borderId="147" xfId="0" applyFont="1" applyFill="1" applyBorder="1">
      <alignment vertical="center"/>
    </xf>
    <xf numFmtId="177" fontId="32" fillId="0" borderId="129" xfId="4" applyNumberFormat="1" applyFont="1" applyBorder="1">
      <alignment vertical="center"/>
    </xf>
    <xf numFmtId="177" fontId="32" fillId="0" borderId="151" xfId="4" applyNumberFormat="1" applyFont="1" applyBorder="1">
      <alignment vertical="center"/>
    </xf>
    <xf numFmtId="0" fontId="32" fillId="0" borderId="21" xfId="0" applyFont="1" applyFill="1" applyBorder="1">
      <alignment vertical="center"/>
    </xf>
    <xf numFmtId="177" fontId="32" fillId="0" borderId="0" xfId="0" applyNumberFormat="1" applyFont="1" applyFill="1" applyBorder="1">
      <alignment vertical="center"/>
    </xf>
    <xf numFmtId="0" fontId="32" fillId="0" borderId="0" xfId="0" applyFont="1" applyFill="1" applyBorder="1" applyAlignment="1">
      <alignment horizontal="center" vertical="center" wrapText="1"/>
    </xf>
    <xf numFmtId="0" fontId="32" fillId="0" borderId="0" xfId="0" applyFont="1" applyFill="1" applyAlignment="1">
      <alignment horizontal="right" vertical="center"/>
    </xf>
    <xf numFmtId="0" fontId="32" fillId="0" borderId="40" xfId="0" applyFont="1" applyFill="1" applyBorder="1" applyAlignment="1">
      <alignment horizontal="right" vertical="center"/>
    </xf>
    <xf numFmtId="176" fontId="32" fillId="0" borderId="0" xfId="0" applyNumberFormat="1" applyFont="1" applyFill="1" applyBorder="1" applyAlignment="1">
      <alignment horizontal="right" vertical="center"/>
    </xf>
    <xf numFmtId="0" fontId="32" fillId="0" borderId="0" xfId="2" applyFont="1" applyAlignment="1">
      <alignment horizontal="left" vertical="center"/>
    </xf>
    <xf numFmtId="0" fontId="33" fillId="0" borderId="0" xfId="2" applyFont="1" applyAlignment="1">
      <alignment horizontal="left" vertical="center"/>
    </xf>
    <xf numFmtId="0" fontId="32" fillId="0" borderId="31" xfId="2" applyFont="1" applyBorder="1" applyAlignment="1">
      <alignment horizontal="center" vertical="center"/>
    </xf>
    <xf numFmtId="0" fontId="32" fillId="0" borderId="23" xfId="2" applyFont="1" applyBorder="1" applyAlignment="1">
      <alignment horizontal="center" vertical="center"/>
    </xf>
    <xf numFmtId="0" fontId="35" fillId="0" borderId="23" xfId="2" applyFont="1" applyBorder="1" applyAlignment="1">
      <alignment horizontal="center" vertical="center"/>
    </xf>
    <xf numFmtId="0" fontId="32" fillId="0" borderId="24" xfId="2" applyFont="1" applyBorder="1" applyAlignment="1">
      <alignment horizontal="center" vertical="center"/>
    </xf>
    <xf numFmtId="0" fontId="32" fillId="0" borderId="12" xfId="2" applyFont="1" applyBorder="1" applyAlignment="1">
      <alignment horizontal="center" vertical="center"/>
    </xf>
    <xf numFmtId="0" fontId="32" fillId="0" borderId="9" xfId="2" applyFont="1" applyBorder="1" applyAlignment="1">
      <alignment horizontal="center" vertical="center"/>
    </xf>
    <xf numFmtId="0" fontId="32" fillId="0" borderId="15" xfId="2" applyFont="1" applyBorder="1" applyAlignment="1">
      <alignment horizontal="center" vertical="center"/>
    </xf>
    <xf numFmtId="0" fontId="32" fillId="0" borderId="19" xfId="2" applyFont="1" applyBorder="1" applyAlignment="1">
      <alignment horizontal="center" vertical="center"/>
    </xf>
    <xf numFmtId="0" fontId="32" fillId="0" borderId="0" xfId="2" applyFont="1" applyBorder="1" applyAlignment="1">
      <alignment horizontal="left" vertical="center"/>
    </xf>
    <xf numFmtId="0" fontId="34" fillId="0" borderId="12" xfId="0" applyFont="1" applyFill="1" applyBorder="1" applyAlignment="1">
      <alignment horizontal="center" vertical="center"/>
    </xf>
    <xf numFmtId="0" fontId="34" fillId="0" borderId="32" xfId="0" applyFont="1" applyFill="1" applyBorder="1" applyAlignment="1">
      <alignment horizontal="left" vertical="center"/>
    </xf>
    <xf numFmtId="0" fontId="34" fillId="0" borderId="69" xfId="0" applyFont="1" applyFill="1" applyBorder="1" applyAlignment="1">
      <alignment horizontal="left" vertical="center"/>
    </xf>
    <xf numFmtId="0" fontId="34" fillId="0" borderId="9" xfId="0" applyFont="1" applyFill="1" applyBorder="1" applyAlignment="1">
      <alignment horizontal="center" vertical="center"/>
    </xf>
    <xf numFmtId="0" fontId="34" fillId="0" borderId="58" xfId="0" applyFont="1" applyFill="1" applyBorder="1" applyAlignment="1">
      <alignment horizontal="left" vertical="center"/>
    </xf>
    <xf numFmtId="0" fontId="34" fillId="0" borderId="59" xfId="0" applyFont="1" applyFill="1" applyBorder="1" applyAlignment="1">
      <alignment horizontal="left" vertical="center"/>
    </xf>
    <xf numFmtId="0" fontId="34" fillId="0" borderId="63" xfId="0" applyFont="1" applyFill="1" applyBorder="1" applyAlignment="1">
      <alignment horizontal="center" vertical="center" wrapText="1" shrinkToFit="1"/>
    </xf>
    <xf numFmtId="0" fontId="34" fillId="0" borderId="61" xfId="0" applyFont="1" applyFill="1" applyBorder="1" applyAlignment="1">
      <alignment horizontal="left" vertical="center"/>
    </xf>
    <xf numFmtId="0" fontId="34" fillId="0" borderId="136" xfId="0" applyFont="1" applyFill="1" applyBorder="1" applyAlignment="1">
      <alignment horizontal="left" vertical="center" wrapText="1" shrinkToFit="1"/>
    </xf>
    <xf numFmtId="0" fontId="34" fillId="0" borderId="15" xfId="0" applyFont="1" applyFill="1" applyBorder="1" applyAlignment="1">
      <alignment horizontal="center" vertical="center"/>
    </xf>
    <xf numFmtId="0" fontId="34" fillId="0" borderId="67" xfId="0" applyFont="1" applyFill="1" applyBorder="1" applyAlignment="1">
      <alignment horizontal="left" vertical="center"/>
    </xf>
    <xf numFmtId="0" fontId="34" fillId="0" borderId="68" xfId="0" applyFont="1" applyFill="1" applyBorder="1" applyAlignment="1">
      <alignment horizontal="left" vertical="center"/>
    </xf>
    <xf numFmtId="0" fontId="35" fillId="0" borderId="55" xfId="2" applyFont="1" applyBorder="1" applyAlignment="1">
      <alignment horizontal="center" vertical="center"/>
    </xf>
    <xf numFmtId="0" fontId="35" fillId="0" borderId="25" xfId="2" applyFont="1" applyBorder="1" applyAlignment="1">
      <alignment horizontal="center" vertical="center"/>
    </xf>
    <xf numFmtId="0" fontId="32" fillId="0" borderId="167" xfId="0" applyFont="1" applyBorder="1">
      <alignment vertical="center"/>
    </xf>
    <xf numFmtId="0" fontId="32" fillId="0" borderId="168" xfId="0" applyFont="1" applyFill="1" applyBorder="1">
      <alignment vertical="center"/>
    </xf>
    <xf numFmtId="0" fontId="32" fillId="0" borderId="170" xfId="0" applyFont="1" applyBorder="1">
      <alignment vertical="center"/>
    </xf>
    <xf numFmtId="0" fontId="32" fillId="0" borderId="171" xfId="0" applyFont="1" applyFill="1" applyBorder="1">
      <alignment vertical="center"/>
    </xf>
    <xf numFmtId="0" fontId="34" fillId="0" borderId="11" xfId="0" applyFont="1" applyFill="1" applyBorder="1" applyAlignment="1">
      <alignment horizontal="center" vertical="center"/>
    </xf>
    <xf numFmtId="0" fontId="34" fillId="0" borderId="148" xfId="0" applyFont="1" applyFill="1" applyBorder="1" applyAlignment="1">
      <alignment vertical="center"/>
    </xf>
    <xf numFmtId="0" fontId="34" fillId="0" borderId="152" xfId="0" applyFont="1" applyFill="1" applyBorder="1" applyAlignment="1">
      <alignment vertical="center"/>
    </xf>
    <xf numFmtId="0" fontId="34" fillId="0" borderId="155" xfId="0" applyFont="1" applyFill="1" applyBorder="1" applyAlignment="1">
      <alignment vertical="center"/>
    </xf>
    <xf numFmtId="0" fontId="36" fillId="0" borderId="16" xfId="0" applyFont="1" applyBorder="1" applyAlignment="1">
      <alignment horizontal="center" vertical="center" wrapText="1"/>
    </xf>
    <xf numFmtId="0" fontId="41" fillId="0" borderId="0" xfId="0" applyFont="1" applyBorder="1" applyAlignment="1">
      <alignment horizontal="left" vertical="center"/>
    </xf>
    <xf numFmtId="0" fontId="41" fillId="0" borderId="0" xfId="0" applyFont="1" applyAlignment="1">
      <alignment horizontal="left" vertical="center"/>
    </xf>
    <xf numFmtId="0" fontId="36" fillId="0" borderId="15" xfId="0" applyFont="1" applyBorder="1" applyAlignment="1">
      <alignment horizontal="center" vertical="center" wrapText="1"/>
    </xf>
    <xf numFmtId="0" fontId="36" fillId="0" borderId="17" xfId="0" applyFont="1" applyBorder="1" applyAlignment="1">
      <alignment horizontal="center" vertical="center" wrapText="1"/>
    </xf>
    <xf numFmtId="0" fontId="35" fillId="0" borderId="55" xfId="0" applyFont="1" applyBorder="1" applyAlignment="1">
      <alignment horizontal="center" vertical="center" wrapText="1"/>
    </xf>
    <xf numFmtId="0" fontId="36" fillId="0" borderId="31" xfId="0" applyFont="1" applyBorder="1" applyAlignment="1">
      <alignment horizontal="center" vertical="center" wrapText="1"/>
    </xf>
    <xf numFmtId="0" fontId="35" fillId="0" borderId="31" xfId="0" applyFont="1" applyFill="1" applyBorder="1" applyAlignment="1">
      <alignment horizontal="center" vertical="center" wrapText="1"/>
    </xf>
    <xf numFmtId="38" fontId="32" fillId="0" borderId="91" xfId="0" applyNumberFormat="1" applyFont="1" applyFill="1" applyBorder="1">
      <alignment vertical="center"/>
    </xf>
    <xf numFmtId="38" fontId="32" fillId="0" borderId="92" xfId="0" applyNumberFormat="1" applyFont="1" applyFill="1" applyBorder="1">
      <alignment vertical="center"/>
    </xf>
    <xf numFmtId="177" fontId="32" fillId="0" borderId="148" xfId="4" applyNumberFormat="1" applyFont="1" applyFill="1" applyBorder="1">
      <alignment vertical="center"/>
    </xf>
    <xf numFmtId="38" fontId="32" fillId="0" borderId="0" xfId="0" applyNumberFormat="1" applyFont="1" applyFill="1">
      <alignment vertical="center"/>
    </xf>
    <xf numFmtId="38" fontId="32" fillId="0" borderId="50" xfId="3" applyFont="1" applyFill="1" applyBorder="1" applyAlignment="1">
      <alignment horizontal="right" vertical="center"/>
    </xf>
    <xf numFmtId="38" fontId="32" fillId="0" borderId="102" xfId="3" applyFont="1" applyFill="1" applyBorder="1" applyAlignment="1">
      <alignment horizontal="right" vertical="center"/>
    </xf>
    <xf numFmtId="0" fontId="32" fillId="0" borderId="75" xfId="0" applyFont="1" applyFill="1" applyBorder="1">
      <alignment vertical="center"/>
    </xf>
    <xf numFmtId="0" fontId="40" fillId="0" borderId="0" xfId="0" applyFont="1" applyFill="1">
      <alignment vertical="center"/>
    </xf>
    <xf numFmtId="38" fontId="32" fillId="0" borderId="81" xfId="3" applyFont="1" applyBorder="1">
      <alignment vertical="center"/>
    </xf>
    <xf numFmtId="180" fontId="42" fillId="0" borderId="0" xfId="0" applyNumberFormat="1" applyFont="1" applyFill="1" applyBorder="1">
      <alignment vertical="center"/>
    </xf>
    <xf numFmtId="180" fontId="42" fillId="0" borderId="105" xfId="0" applyNumberFormat="1" applyFont="1" applyFill="1" applyBorder="1">
      <alignment vertical="center"/>
    </xf>
    <xf numFmtId="0" fontId="32" fillId="0" borderId="53" xfId="0" applyFont="1" applyFill="1" applyBorder="1">
      <alignment vertical="center"/>
    </xf>
    <xf numFmtId="0" fontId="32" fillId="0" borderId="55" xfId="2" applyFont="1" applyFill="1" applyBorder="1" applyAlignment="1">
      <alignment horizontal="center" vertical="center"/>
    </xf>
    <xf numFmtId="0" fontId="32" fillId="0" borderId="159" xfId="2" applyFont="1" applyFill="1" applyBorder="1" applyAlignment="1">
      <alignment horizontal="right" vertical="center"/>
    </xf>
    <xf numFmtId="0" fontId="32" fillId="0" borderId="1" xfId="2" applyFont="1" applyFill="1" applyBorder="1" applyAlignment="1">
      <alignment horizontal="right" vertical="center"/>
    </xf>
    <xf numFmtId="0" fontId="32" fillId="0" borderId="131" xfId="2" applyFont="1" applyFill="1" applyBorder="1" applyAlignment="1">
      <alignment horizontal="right" vertical="center"/>
    </xf>
    <xf numFmtId="0" fontId="32" fillId="0" borderId="160" xfId="2" applyFont="1" applyFill="1" applyBorder="1" applyAlignment="1">
      <alignment horizontal="right" vertical="center"/>
    </xf>
    <xf numFmtId="0" fontId="34" fillId="0" borderId="4" xfId="0" applyFont="1" applyFill="1" applyBorder="1" applyAlignment="1">
      <alignment vertical="center"/>
    </xf>
    <xf numFmtId="0" fontId="34" fillId="0" borderId="5" xfId="0" applyFont="1" applyFill="1" applyBorder="1" applyAlignment="1">
      <alignment vertical="center"/>
    </xf>
    <xf numFmtId="0" fontId="34" fillId="0" borderId="22" xfId="0" applyFont="1" applyFill="1" applyBorder="1" applyAlignment="1">
      <alignment vertical="center"/>
    </xf>
    <xf numFmtId="0" fontId="34" fillId="0" borderId="18" xfId="0" applyFont="1" applyFill="1" applyBorder="1" applyAlignment="1">
      <alignment vertical="center"/>
    </xf>
    <xf numFmtId="0" fontId="32" fillId="0" borderId="2" xfId="2" applyFont="1" applyFill="1" applyBorder="1" applyAlignment="1">
      <alignment horizontal="right" vertical="center"/>
    </xf>
    <xf numFmtId="0" fontId="32" fillId="0" borderId="28" xfId="2" applyFont="1" applyFill="1" applyBorder="1" applyAlignment="1">
      <alignment horizontal="right" vertical="center"/>
    </xf>
    <xf numFmtId="0" fontId="32" fillId="0" borderId="10" xfId="2" applyFont="1" applyFill="1" applyBorder="1" applyAlignment="1">
      <alignment horizontal="right" vertical="center"/>
    </xf>
    <xf numFmtId="0" fontId="32" fillId="0" borderId="16" xfId="2" applyFont="1" applyFill="1" applyBorder="1" applyAlignment="1">
      <alignment horizontal="right" vertical="center"/>
    </xf>
    <xf numFmtId="0" fontId="32" fillId="0" borderId="17" xfId="2" applyFont="1" applyFill="1" applyBorder="1" applyAlignment="1">
      <alignment horizontal="right" vertical="center"/>
    </xf>
    <xf numFmtId="0" fontId="32" fillId="0" borderId="21" xfId="2" applyFont="1" applyFill="1" applyBorder="1" applyAlignment="1">
      <alignment horizontal="right" vertical="center"/>
    </xf>
    <xf numFmtId="0" fontId="32" fillId="0" borderId="48" xfId="0" applyFont="1" applyFill="1" applyBorder="1">
      <alignment vertical="center"/>
    </xf>
    <xf numFmtId="0" fontId="32" fillId="0" borderId="42" xfId="0" applyFont="1" applyFill="1" applyBorder="1">
      <alignment vertical="center"/>
    </xf>
    <xf numFmtId="0" fontId="32" fillId="0" borderId="153" xfId="0" applyFont="1" applyFill="1" applyBorder="1">
      <alignment vertical="center"/>
    </xf>
    <xf numFmtId="0" fontId="32" fillId="0" borderId="66" xfId="0" applyFont="1" applyFill="1" applyBorder="1">
      <alignment vertical="center"/>
    </xf>
    <xf numFmtId="0" fontId="32" fillId="0" borderId="134" xfId="0" applyFont="1" applyFill="1" applyBorder="1">
      <alignment vertical="center"/>
    </xf>
    <xf numFmtId="0" fontId="32" fillId="0" borderId="42" xfId="0" applyFont="1" applyFill="1" applyBorder="1" applyAlignment="1">
      <alignment horizontal="right" vertical="center"/>
    </xf>
    <xf numFmtId="38" fontId="32" fillId="0" borderId="2" xfId="3" applyFont="1" applyFill="1" applyBorder="1" applyAlignment="1">
      <alignment horizontal="right" vertical="center"/>
    </xf>
    <xf numFmtId="0" fontId="32" fillId="0" borderId="32" xfId="0" applyFont="1" applyFill="1" applyBorder="1" applyAlignment="1">
      <alignment horizontal="right" vertical="center"/>
    </xf>
    <xf numFmtId="0" fontId="32" fillId="0" borderId="66" xfId="0" applyFont="1" applyFill="1" applyBorder="1" applyAlignment="1">
      <alignment horizontal="right" vertical="center"/>
    </xf>
    <xf numFmtId="38" fontId="32" fillId="0" borderId="16" xfId="3" applyFont="1" applyFill="1" applyBorder="1" applyAlignment="1">
      <alignment horizontal="right" vertical="center"/>
    </xf>
    <xf numFmtId="38" fontId="32" fillId="0" borderId="32" xfId="0" applyNumberFormat="1" applyFont="1" applyFill="1" applyBorder="1">
      <alignment vertical="center"/>
    </xf>
    <xf numFmtId="38" fontId="32" fillId="0" borderId="2" xfId="0" applyNumberFormat="1" applyFont="1" applyFill="1" applyBorder="1">
      <alignment vertical="center"/>
    </xf>
    <xf numFmtId="38" fontId="32" fillId="0" borderId="50" xfId="0" applyNumberFormat="1" applyFont="1" applyFill="1" applyBorder="1">
      <alignment vertical="center"/>
    </xf>
    <xf numFmtId="38" fontId="32" fillId="0" borderId="58" xfId="0" applyNumberFormat="1" applyFont="1" applyFill="1" applyBorder="1">
      <alignment vertical="center"/>
    </xf>
    <xf numFmtId="38" fontId="32" fillId="0" borderId="1" xfId="0" applyNumberFormat="1" applyFont="1" applyFill="1" applyBorder="1">
      <alignment vertical="center"/>
    </xf>
    <xf numFmtId="38" fontId="32" fillId="0" borderId="142" xfId="0" applyNumberFormat="1" applyFont="1" applyFill="1" applyBorder="1">
      <alignment vertical="center"/>
    </xf>
    <xf numFmtId="38" fontId="32" fillId="0" borderId="10" xfId="0" applyNumberFormat="1" applyFont="1" applyFill="1" applyBorder="1">
      <alignment vertical="center"/>
    </xf>
    <xf numFmtId="38" fontId="32" fillId="0" borderId="17" xfId="0" applyNumberFormat="1" applyFont="1" applyFill="1" applyBorder="1">
      <alignment vertical="center"/>
    </xf>
    <xf numFmtId="0" fontId="32" fillId="0" borderId="164" xfId="0" applyFont="1" applyFill="1" applyBorder="1">
      <alignment vertical="center"/>
    </xf>
    <xf numFmtId="0" fontId="32" fillId="0" borderId="165" xfId="0" applyFont="1" applyFill="1" applyBorder="1">
      <alignment vertical="center"/>
    </xf>
    <xf numFmtId="38" fontId="32" fillId="0" borderId="12" xfId="3" applyFont="1" applyFill="1" applyBorder="1">
      <alignment vertical="center"/>
    </xf>
    <xf numFmtId="38" fontId="32" fillId="0" borderId="2" xfId="3" applyFont="1" applyFill="1" applyBorder="1">
      <alignment vertical="center"/>
    </xf>
    <xf numFmtId="176" fontId="32" fillId="0" borderId="13" xfId="0" applyNumberFormat="1" applyFont="1" applyFill="1" applyBorder="1" applyAlignment="1">
      <alignment horizontal="right" vertical="center"/>
    </xf>
    <xf numFmtId="38" fontId="32" fillId="0" borderId="9" xfId="3" applyFont="1" applyFill="1" applyBorder="1">
      <alignment vertical="center"/>
    </xf>
    <xf numFmtId="38" fontId="32" fillId="0" borderId="1" xfId="3" applyFont="1" applyFill="1" applyBorder="1">
      <alignment vertical="center"/>
    </xf>
    <xf numFmtId="38" fontId="32" fillId="0" borderId="79" xfId="3" applyFont="1" applyFill="1" applyBorder="1">
      <alignment vertical="center"/>
    </xf>
    <xf numFmtId="38" fontId="32" fillId="0" borderId="130" xfId="3" applyFont="1" applyFill="1" applyBorder="1">
      <alignment vertical="center"/>
    </xf>
    <xf numFmtId="0" fontId="32" fillId="0" borderId="130" xfId="0" applyFont="1" applyFill="1" applyBorder="1">
      <alignment vertical="center"/>
    </xf>
    <xf numFmtId="38" fontId="32" fillId="0" borderId="15" xfId="3" applyFont="1" applyFill="1" applyBorder="1">
      <alignment vertical="center"/>
    </xf>
    <xf numFmtId="38" fontId="32" fillId="0" borderId="16" xfId="3" applyFont="1" applyFill="1" applyBorder="1">
      <alignment vertical="center"/>
    </xf>
    <xf numFmtId="38" fontId="32" fillId="0" borderId="63" xfId="3" applyFont="1" applyFill="1" applyBorder="1">
      <alignment vertical="center"/>
    </xf>
    <xf numFmtId="38" fontId="32" fillId="0" borderId="123" xfId="3" applyFont="1" applyFill="1" applyBorder="1">
      <alignment vertical="center"/>
    </xf>
    <xf numFmtId="38" fontId="32" fillId="0" borderId="48" xfId="3" applyFont="1" applyFill="1" applyBorder="1">
      <alignment vertical="center"/>
    </xf>
    <xf numFmtId="38" fontId="32" fillId="0" borderId="32" xfId="3" applyFont="1" applyFill="1" applyBorder="1">
      <alignment vertical="center"/>
    </xf>
    <xf numFmtId="38" fontId="32" fillId="0" borderId="67" xfId="3" applyFont="1" applyFill="1" applyBorder="1">
      <alignment vertical="center"/>
    </xf>
    <xf numFmtId="38" fontId="32" fillId="0" borderId="74" xfId="3" applyFont="1" applyFill="1" applyBorder="1">
      <alignment vertical="center"/>
    </xf>
    <xf numFmtId="38" fontId="32" fillId="0" borderId="71" xfId="3" applyFont="1" applyFill="1" applyBorder="1">
      <alignment vertical="center"/>
    </xf>
    <xf numFmtId="38" fontId="32" fillId="0" borderId="133" xfId="3" applyFont="1" applyFill="1" applyBorder="1">
      <alignment vertical="center"/>
    </xf>
    <xf numFmtId="38" fontId="32" fillId="0" borderId="56" xfId="3" applyFont="1" applyFill="1" applyBorder="1">
      <alignment vertical="center"/>
    </xf>
    <xf numFmtId="38" fontId="32" fillId="0" borderId="121" xfId="3" applyFont="1" applyFill="1" applyBorder="1">
      <alignment vertical="center"/>
    </xf>
    <xf numFmtId="38" fontId="32" fillId="0" borderId="122" xfId="3" applyFont="1" applyFill="1" applyBorder="1">
      <alignment vertical="center"/>
    </xf>
    <xf numFmtId="0" fontId="32" fillId="0" borderId="15" xfId="0" applyFont="1" applyFill="1" applyBorder="1">
      <alignment vertical="center"/>
    </xf>
    <xf numFmtId="0" fontId="32" fillId="0" borderId="17" xfId="0" applyFont="1" applyFill="1" applyBorder="1">
      <alignment vertical="center"/>
    </xf>
    <xf numFmtId="0" fontId="32" fillId="0" borderId="67" xfId="0" applyFont="1" applyFill="1" applyBorder="1">
      <alignment vertical="center"/>
    </xf>
    <xf numFmtId="0" fontId="32" fillId="0" borderId="1" xfId="0" applyFont="1" applyFill="1" applyBorder="1">
      <alignment vertical="center"/>
    </xf>
    <xf numFmtId="0" fontId="32" fillId="0" borderId="40" xfId="0" applyFont="1" applyFill="1" applyBorder="1">
      <alignment vertical="center"/>
    </xf>
    <xf numFmtId="0" fontId="38" fillId="0" borderId="0" xfId="2" applyFont="1" applyAlignment="1">
      <alignment horizontal="left" vertical="center"/>
    </xf>
    <xf numFmtId="0" fontId="32" fillId="0" borderId="60" xfId="0" applyFont="1" applyFill="1" applyBorder="1">
      <alignment vertical="center"/>
    </xf>
    <xf numFmtId="38" fontId="34" fillId="0" borderId="13" xfId="3" applyFont="1" applyFill="1" applyBorder="1" applyAlignment="1">
      <alignment horizontal="right" vertical="center"/>
    </xf>
    <xf numFmtId="38" fontId="34" fillId="0" borderId="10" xfId="3" applyFont="1" applyFill="1" applyBorder="1" applyAlignment="1">
      <alignment horizontal="right" vertical="center"/>
    </xf>
    <xf numFmtId="38" fontId="34" fillId="0" borderId="62" xfId="3" applyFont="1" applyFill="1" applyBorder="1" applyAlignment="1">
      <alignment horizontal="right" vertical="center"/>
    </xf>
    <xf numFmtId="38" fontId="34" fillId="0" borderId="143" xfId="3" applyFont="1" applyFill="1" applyBorder="1" applyAlignment="1">
      <alignment horizontal="right" vertical="center"/>
    </xf>
    <xf numFmtId="0" fontId="32" fillId="0" borderId="92" xfId="0" applyFont="1" applyFill="1" applyBorder="1" applyAlignment="1">
      <alignment vertical="center"/>
    </xf>
    <xf numFmtId="0" fontId="32" fillId="0" borderId="161" xfId="2" applyFont="1" applyFill="1" applyBorder="1" applyAlignment="1">
      <alignment horizontal="right" vertical="center"/>
    </xf>
    <xf numFmtId="0" fontId="32" fillId="0" borderId="60" xfId="2" applyFont="1" applyFill="1" applyBorder="1" applyAlignment="1">
      <alignment horizontal="right" vertical="center" wrapText="1"/>
    </xf>
    <xf numFmtId="0" fontId="32" fillId="0" borderId="66" xfId="2" applyFont="1" applyFill="1" applyBorder="1" applyAlignment="1">
      <alignment horizontal="right" vertical="center" wrapText="1"/>
    </xf>
    <xf numFmtId="0" fontId="32" fillId="0" borderId="56" xfId="2" applyFont="1" applyFill="1" applyBorder="1" applyAlignment="1">
      <alignment horizontal="right" vertical="center"/>
    </xf>
    <xf numFmtId="0" fontId="32" fillId="0" borderId="129" xfId="2" applyFont="1" applyFill="1" applyBorder="1" applyAlignment="1">
      <alignment horizontal="right" vertical="center"/>
    </xf>
    <xf numFmtId="38" fontId="32" fillId="0" borderId="133" xfId="3" applyFont="1" applyFill="1" applyBorder="1" applyAlignment="1">
      <alignment horizontal="right" vertical="center"/>
    </xf>
    <xf numFmtId="0" fontId="32" fillId="0" borderId="0" xfId="0" applyFont="1" applyAlignment="1">
      <alignment horizontal="left" vertical="center"/>
    </xf>
    <xf numFmtId="0" fontId="32" fillId="0" borderId="23" xfId="0" applyFont="1" applyBorder="1" applyAlignment="1">
      <alignment horizontal="center" vertical="center"/>
    </xf>
    <xf numFmtId="0" fontId="33" fillId="0" borderId="0" xfId="0" applyFont="1" applyAlignment="1">
      <alignment horizontal="left" vertical="center"/>
    </xf>
    <xf numFmtId="0" fontId="32" fillId="0" borderId="55" xfId="0" applyFont="1" applyBorder="1" applyAlignment="1">
      <alignment horizontal="center" vertical="center"/>
    </xf>
    <xf numFmtId="0" fontId="32" fillId="0" borderId="92" xfId="0" applyFont="1" applyBorder="1" applyAlignment="1">
      <alignment horizontal="center" vertical="center"/>
    </xf>
    <xf numFmtId="0" fontId="32" fillId="0" borderId="127" xfId="0" applyFont="1" applyBorder="1" applyAlignment="1">
      <alignment horizontal="center" vertical="center"/>
    </xf>
    <xf numFmtId="0" fontId="32" fillId="0" borderId="25" xfId="0" applyFont="1" applyBorder="1" applyAlignment="1">
      <alignment horizontal="center" vertical="center"/>
    </xf>
    <xf numFmtId="0" fontId="32" fillId="0" borderId="17" xfId="0" applyFont="1" applyFill="1" applyBorder="1" applyAlignment="1">
      <alignment horizontal="center" vertical="center"/>
    </xf>
    <xf numFmtId="0" fontId="34" fillId="0" borderId="92" xfId="1" applyFont="1" applyBorder="1" applyAlignment="1">
      <alignment horizontal="center" vertical="center"/>
    </xf>
    <xf numFmtId="0" fontId="34" fillId="4" borderId="92" xfId="1" applyFont="1" applyFill="1" applyBorder="1" applyAlignment="1">
      <alignment horizontal="center" vertical="center"/>
    </xf>
    <xf numFmtId="0" fontId="34" fillId="4" borderId="109" xfId="1" applyFont="1" applyFill="1" applyBorder="1" applyAlignment="1">
      <alignment horizontal="center" vertical="center"/>
    </xf>
    <xf numFmtId="0" fontId="32" fillId="0" borderId="22" xfId="0" applyFont="1" applyBorder="1" applyAlignment="1">
      <alignment horizontal="center" vertical="center"/>
    </xf>
    <xf numFmtId="0" fontId="32" fillId="0" borderId="53" xfId="0" applyFont="1" applyBorder="1" applyAlignment="1">
      <alignment horizontal="center" vertical="center" wrapText="1"/>
    </xf>
    <xf numFmtId="0" fontId="32" fillId="0" borderId="99" xfId="0" applyFont="1" applyBorder="1" applyAlignment="1">
      <alignment horizontal="center" vertical="center"/>
    </xf>
    <xf numFmtId="0" fontId="32" fillId="0" borderId="55" xfId="0" applyFont="1" applyFill="1" applyBorder="1" applyAlignment="1">
      <alignment horizontal="center" vertical="center"/>
    </xf>
    <xf numFmtId="0" fontId="32" fillId="0" borderId="23" xfId="0" applyFont="1" applyFill="1" applyBorder="1" applyAlignment="1">
      <alignment horizontal="center" vertical="center"/>
    </xf>
    <xf numFmtId="0" fontId="32" fillId="2" borderId="0" xfId="0" applyFont="1" applyFill="1">
      <alignment vertical="center"/>
    </xf>
    <xf numFmtId="0" fontId="35" fillId="0" borderId="143" xfId="0" applyFont="1" applyFill="1" applyBorder="1" applyAlignment="1">
      <alignment horizontal="center" vertical="center"/>
    </xf>
    <xf numFmtId="0" fontId="32" fillId="0" borderId="81" xfId="0" applyFont="1" applyFill="1" applyBorder="1">
      <alignment vertical="center"/>
    </xf>
    <xf numFmtId="0" fontId="32" fillId="0" borderId="177" xfId="0" applyFont="1" applyFill="1" applyBorder="1">
      <alignment vertical="center"/>
    </xf>
    <xf numFmtId="0" fontId="36" fillId="0" borderId="10" xfId="0" applyFont="1" applyFill="1" applyBorder="1" applyAlignment="1">
      <alignment horizontal="center" vertical="center"/>
    </xf>
    <xf numFmtId="0" fontId="32" fillId="0" borderId="58" xfId="0" applyFont="1" applyFill="1" applyBorder="1">
      <alignment vertical="center"/>
    </xf>
    <xf numFmtId="0" fontId="32" fillId="0" borderId="178" xfId="0" applyFont="1" applyFill="1" applyBorder="1">
      <alignment vertical="center"/>
    </xf>
    <xf numFmtId="0" fontId="32" fillId="0" borderId="179" xfId="0" applyFont="1" applyFill="1" applyBorder="1">
      <alignment vertical="center"/>
    </xf>
    <xf numFmtId="0" fontId="32" fillId="0" borderId="5" xfId="0" applyFont="1" applyFill="1" applyBorder="1">
      <alignment vertical="center"/>
    </xf>
    <xf numFmtId="0" fontId="35" fillId="0" borderId="29" xfId="0" applyFont="1" applyFill="1" applyBorder="1" applyAlignment="1">
      <alignment horizontal="center" vertical="center"/>
    </xf>
    <xf numFmtId="0" fontId="35" fillId="0" borderId="37" xfId="0" applyFont="1" applyBorder="1" applyAlignment="1">
      <alignment horizontal="center" vertical="center"/>
    </xf>
    <xf numFmtId="0" fontId="32" fillId="0" borderId="82" xfId="0" applyFont="1" applyBorder="1">
      <alignment vertical="center"/>
    </xf>
    <xf numFmtId="0" fontId="32" fillId="0" borderId="139" xfId="0" applyFont="1" applyFill="1" applyBorder="1" applyAlignment="1">
      <alignment vertical="center"/>
    </xf>
    <xf numFmtId="0" fontId="35" fillId="0" borderId="29" xfId="0" applyFont="1" applyBorder="1" applyAlignment="1">
      <alignment horizontal="center" vertical="center"/>
    </xf>
    <xf numFmtId="0" fontId="32" fillId="0" borderId="94" xfId="0" applyFont="1" applyFill="1" applyBorder="1">
      <alignment vertical="center"/>
    </xf>
    <xf numFmtId="0" fontId="32" fillId="0" borderId="183" xfId="0" applyFont="1" applyFill="1" applyBorder="1" applyAlignment="1">
      <alignment horizontal="center" vertical="center"/>
    </xf>
    <xf numFmtId="0" fontId="32" fillId="0" borderId="99" xfId="0" applyFont="1" applyFill="1" applyBorder="1" applyAlignment="1">
      <alignment horizontal="center" vertical="center"/>
    </xf>
    <xf numFmtId="0" fontId="32" fillId="0" borderId="175" xfId="0" applyFont="1" applyFill="1" applyBorder="1">
      <alignment vertical="center"/>
    </xf>
    <xf numFmtId="0" fontId="32" fillId="0" borderId="94" xfId="0" applyFont="1" applyFill="1" applyBorder="1" applyAlignment="1">
      <alignment horizontal="center" vertical="center" wrapText="1"/>
    </xf>
    <xf numFmtId="0" fontId="32" fillId="0" borderId="91" xfId="0" applyFont="1" applyFill="1" applyBorder="1" applyAlignment="1">
      <alignment horizontal="center" vertical="center"/>
    </xf>
    <xf numFmtId="0" fontId="32" fillId="0" borderId="174" xfId="0" applyFont="1" applyFill="1" applyBorder="1">
      <alignment vertical="center"/>
    </xf>
    <xf numFmtId="0" fontId="32" fillId="0" borderId="93" xfId="0" applyFont="1" applyFill="1" applyBorder="1" applyAlignment="1">
      <alignment horizontal="center" vertical="center" wrapText="1"/>
    </xf>
    <xf numFmtId="0" fontId="38" fillId="0" borderId="16" xfId="0" applyFont="1" applyFill="1" applyBorder="1" applyAlignment="1">
      <alignment horizontal="center" vertical="center"/>
    </xf>
    <xf numFmtId="0" fontId="32" fillId="0" borderId="185" xfId="0" applyFont="1" applyFill="1" applyBorder="1" applyAlignment="1">
      <alignment horizontal="right" vertical="center"/>
    </xf>
    <xf numFmtId="0" fontId="32" fillId="0" borderId="38" xfId="0" applyFont="1" applyFill="1" applyBorder="1" applyAlignment="1">
      <alignment horizontal="center" vertical="center"/>
    </xf>
    <xf numFmtId="0" fontId="32" fillId="0" borderId="184" xfId="0" applyFont="1" applyFill="1" applyBorder="1" applyAlignment="1">
      <alignment horizontal="right" vertical="center"/>
    </xf>
    <xf numFmtId="0" fontId="32" fillId="0" borderId="29" xfId="0" applyFont="1" applyFill="1" applyBorder="1" applyAlignment="1">
      <alignment horizontal="right" vertical="center"/>
    </xf>
    <xf numFmtId="0" fontId="38" fillId="0" borderId="0" xfId="2" applyFont="1" applyFill="1" applyBorder="1" applyAlignment="1">
      <alignment horizontal="left" vertical="center"/>
    </xf>
    <xf numFmtId="0" fontId="32" fillId="0" borderId="0" xfId="2" applyFont="1" applyFill="1" applyAlignment="1">
      <alignment horizontal="left" vertical="center"/>
    </xf>
    <xf numFmtId="0" fontId="32" fillId="0" borderId="0" xfId="2" applyFont="1" applyFill="1" applyBorder="1" applyAlignment="1">
      <alignment horizontal="left" vertical="center"/>
    </xf>
    <xf numFmtId="0" fontId="38" fillId="0" borderId="0" xfId="2" applyFont="1" applyFill="1" applyAlignment="1">
      <alignment horizontal="left" vertical="center"/>
    </xf>
    <xf numFmtId="0" fontId="32" fillId="0" borderId="5" xfId="0" applyFont="1" applyBorder="1" applyAlignment="1">
      <alignment horizontal="center" vertical="center" wrapText="1"/>
    </xf>
    <xf numFmtId="0" fontId="32" fillId="0" borderId="0" xfId="0" applyFont="1" applyBorder="1" applyAlignment="1">
      <alignment vertical="center"/>
    </xf>
    <xf numFmtId="0" fontId="32" fillId="0" borderId="133" xfId="0" applyFont="1" applyBorder="1" applyAlignment="1">
      <alignment vertical="center"/>
    </xf>
    <xf numFmtId="0" fontId="35" fillId="0" borderId="0" xfId="0" applyFont="1" applyFill="1">
      <alignment vertical="center"/>
    </xf>
    <xf numFmtId="0" fontId="36" fillId="0" borderId="18" xfId="0" applyFont="1" applyBorder="1" applyAlignment="1">
      <alignment horizontal="center" vertical="center"/>
    </xf>
    <xf numFmtId="0" fontId="33" fillId="0" borderId="0" xfId="0" applyFont="1" applyAlignment="1">
      <alignment horizontal="left" vertical="center"/>
    </xf>
    <xf numFmtId="0" fontId="32" fillId="0" borderId="0" xfId="0" applyFont="1" applyAlignment="1">
      <alignment horizontal="left" vertical="center"/>
    </xf>
    <xf numFmtId="0" fontId="32" fillId="0" borderId="55" xfId="0" applyFont="1" applyBorder="1" applyAlignment="1">
      <alignment horizontal="center" vertical="center"/>
    </xf>
    <xf numFmtId="0" fontId="32" fillId="0" borderId="24" xfId="0" applyFont="1" applyBorder="1" applyAlignment="1">
      <alignment horizontal="center" vertical="center"/>
    </xf>
    <xf numFmtId="0" fontId="32" fillId="0" borderId="127" xfId="0" applyFont="1" applyFill="1" applyBorder="1" applyAlignment="1">
      <alignment horizontal="center" vertical="center"/>
    </xf>
    <xf numFmtId="0" fontId="32" fillId="0" borderId="16" xfId="0" applyFont="1" applyFill="1" applyBorder="1" applyAlignment="1">
      <alignment horizontal="center" vertical="center"/>
    </xf>
    <xf numFmtId="0" fontId="38" fillId="0" borderId="128" xfId="0" applyFont="1" applyFill="1" applyBorder="1" applyAlignment="1">
      <alignment horizontal="center" vertical="center"/>
    </xf>
    <xf numFmtId="0" fontId="38" fillId="0" borderId="24" xfId="0" applyFont="1" applyFill="1" applyBorder="1" applyAlignment="1">
      <alignment horizontal="center" vertical="center"/>
    </xf>
    <xf numFmtId="0" fontId="32" fillId="0" borderId="2" xfId="0" applyFont="1" applyFill="1" applyBorder="1" applyAlignment="1">
      <alignment horizontal="right" vertical="center"/>
    </xf>
    <xf numFmtId="0" fontId="32" fillId="0" borderId="13" xfId="0" applyFont="1" applyFill="1" applyBorder="1" applyAlignment="1">
      <alignment horizontal="right" vertical="center"/>
    </xf>
    <xf numFmtId="0" fontId="32" fillId="0" borderId="137" xfId="0" applyFont="1" applyFill="1" applyBorder="1" applyAlignment="1">
      <alignment horizontal="center" vertical="center"/>
    </xf>
    <xf numFmtId="0" fontId="32" fillId="0" borderId="0" xfId="0" applyFont="1" applyFill="1" applyBorder="1" applyAlignment="1">
      <alignment horizontal="center" vertical="center"/>
    </xf>
    <xf numFmtId="0" fontId="32" fillId="0" borderId="25" xfId="0" applyFont="1" applyFill="1" applyBorder="1" applyAlignment="1">
      <alignment horizontal="center" vertical="center"/>
    </xf>
    <xf numFmtId="38" fontId="32" fillId="0" borderId="42" xfId="3" applyFont="1" applyFill="1" applyBorder="1">
      <alignment vertical="center"/>
    </xf>
    <xf numFmtId="38" fontId="32" fillId="0" borderId="66" xfId="3" applyFont="1" applyFill="1" applyBorder="1">
      <alignment vertical="center"/>
    </xf>
    <xf numFmtId="38" fontId="32" fillId="0" borderId="4" xfId="3" applyFont="1" applyBorder="1">
      <alignment vertical="center"/>
    </xf>
    <xf numFmtId="38" fontId="32" fillId="0" borderId="22" xfId="3" applyFont="1" applyBorder="1">
      <alignment vertical="center"/>
    </xf>
    <xf numFmtId="38" fontId="32" fillId="0" borderId="54" xfId="3" applyFont="1" applyFill="1" applyBorder="1">
      <alignment vertical="center"/>
    </xf>
    <xf numFmtId="38" fontId="32" fillId="0" borderId="53" xfId="3" applyFont="1" applyBorder="1">
      <alignment vertical="center"/>
    </xf>
    <xf numFmtId="0" fontId="43" fillId="0" borderId="0" xfId="0" applyFont="1" applyBorder="1" applyAlignment="1">
      <alignment horizontal="left" vertical="center"/>
    </xf>
    <xf numFmtId="38" fontId="32" fillId="0" borderId="63" xfId="3" applyFont="1" applyFill="1" applyBorder="1" applyAlignment="1">
      <alignment horizontal="right" vertical="center"/>
    </xf>
    <xf numFmtId="38" fontId="32" fillId="0" borderId="123" xfId="3" applyFont="1" applyFill="1" applyBorder="1" applyAlignment="1">
      <alignment horizontal="right" vertical="center"/>
    </xf>
    <xf numFmtId="38" fontId="32" fillId="0" borderId="15" xfId="3" applyFont="1" applyFill="1" applyBorder="1" applyAlignment="1">
      <alignment horizontal="right" vertical="center"/>
    </xf>
    <xf numFmtId="0" fontId="32" fillId="0" borderId="0" xfId="0" applyFont="1" applyFill="1" applyAlignment="1">
      <alignment vertical="top"/>
    </xf>
    <xf numFmtId="0" fontId="35" fillId="0" borderId="4" xfId="0" applyFont="1" applyFill="1" applyBorder="1" applyAlignment="1">
      <alignment horizontal="center" vertical="center" wrapText="1"/>
    </xf>
    <xf numFmtId="0" fontId="35" fillId="0" borderId="5" xfId="0" applyFont="1" applyFill="1" applyBorder="1" applyAlignment="1">
      <alignment horizontal="center" vertical="center" wrapText="1"/>
    </xf>
    <xf numFmtId="0" fontId="35" fillId="0" borderId="22" xfId="0" applyFont="1" applyFill="1" applyBorder="1" applyAlignment="1">
      <alignment horizontal="center" vertical="center" wrapText="1"/>
    </xf>
    <xf numFmtId="0" fontId="32" fillId="0" borderId="18" xfId="0" applyFont="1" applyFill="1" applyBorder="1" applyAlignment="1">
      <alignment horizontal="center" vertical="center"/>
    </xf>
    <xf numFmtId="38" fontId="32" fillId="0" borderId="137" xfId="3" applyFont="1" applyFill="1" applyBorder="1">
      <alignment vertical="center"/>
    </xf>
    <xf numFmtId="38" fontId="32" fillId="0" borderId="129" xfId="3" applyFont="1" applyFill="1" applyBorder="1">
      <alignment vertical="center"/>
    </xf>
    <xf numFmtId="0" fontId="32" fillId="0" borderId="129" xfId="0" applyFont="1" applyFill="1" applyBorder="1">
      <alignment vertical="center"/>
    </xf>
    <xf numFmtId="0" fontId="32" fillId="0" borderId="4" xfId="0" applyFont="1" applyFill="1" applyBorder="1" applyAlignment="1">
      <alignment horizontal="center" vertical="center"/>
    </xf>
    <xf numFmtId="0" fontId="32" fillId="0" borderId="5" xfId="0" applyFont="1" applyFill="1" applyBorder="1" applyAlignment="1">
      <alignment horizontal="center" vertical="center"/>
    </xf>
    <xf numFmtId="0" fontId="32" fillId="0" borderId="64" xfId="0" applyFont="1" applyFill="1" applyBorder="1" applyAlignment="1">
      <alignment horizontal="center" vertical="center"/>
    </xf>
    <xf numFmtId="0" fontId="32" fillId="0" borderId="111" xfId="0" applyFont="1" applyFill="1" applyBorder="1" applyAlignment="1">
      <alignment horizontal="center" vertical="center"/>
    </xf>
    <xf numFmtId="0" fontId="32" fillId="0" borderId="22" xfId="0" applyFont="1" applyFill="1" applyBorder="1" applyAlignment="1">
      <alignment horizontal="center" vertical="center"/>
    </xf>
    <xf numFmtId="38" fontId="32" fillId="0" borderId="13" xfId="0" applyNumberFormat="1" applyFont="1" applyFill="1" applyBorder="1">
      <alignment vertical="center"/>
    </xf>
    <xf numFmtId="38" fontId="32" fillId="0" borderId="144" xfId="3" applyFont="1" applyBorder="1" applyAlignment="1">
      <alignment vertical="center"/>
    </xf>
    <xf numFmtId="38" fontId="32" fillId="0" borderId="145" xfId="3" applyFont="1" applyBorder="1" applyAlignment="1">
      <alignment vertical="center"/>
    </xf>
    <xf numFmtId="38" fontId="32" fillId="4" borderId="146" xfId="3" applyFont="1" applyFill="1" applyBorder="1" applyAlignment="1">
      <alignment vertical="center"/>
    </xf>
    <xf numFmtId="0" fontId="44" fillId="0" borderId="0" xfId="0" applyFont="1">
      <alignment vertical="center"/>
    </xf>
    <xf numFmtId="0" fontId="35" fillId="0" borderId="23" xfId="0" applyFont="1" applyFill="1" applyBorder="1" applyAlignment="1">
      <alignment horizontal="center" vertical="center" wrapText="1"/>
    </xf>
    <xf numFmtId="0" fontId="32" fillId="0" borderId="23" xfId="0" applyFont="1" applyFill="1" applyBorder="1" applyAlignment="1">
      <alignment horizontal="center" vertical="center" wrapText="1"/>
    </xf>
    <xf numFmtId="0" fontId="35" fillId="0" borderId="55" xfId="0" applyFont="1" applyFill="1" applyBorder="1" applyAlignment="1">
      <alignment horizontal="center" vertical="center" wrapText="1"/>
    </xf>
    <xf numFmtId="0" fontId="32" fillId="0" borderId="55" xfId="0" applyFont="1" applyFill="1" applyBorder="1" applyAlignment="1">
      <alignment horizontal="center" vertical="center" wrapText="1"/>
    </xf>
    <xf numFmtId="0" fontId="32" fillId="0" borderId="103" xfId="0" applyFont="1" applyFill="1" applyBorder="1" applyAlignment="1">
      <alignment horizontal="center" vertical="center" wrapText="1"/>
    </xf>
    <xf numFmtId="0" fontId="35" fillId="0" borderId="140" xfId="0" applyFont="1" applyFill="1" applyBorder="1" applyAlignment="1">
      <alignment horizontal="center" vertical="center" wrapText="1"/>
    </xf>
    <xf numFmtId="38" fontId="34" fillId="0" borderId="28" xfId="3" applyFont="1" applyFill="1" applyBorder="1" applyAlignment="1">
      <alignment horizontal="right" vertical="center"/>
    </xf>
    <xf numFmtId="38" fontId="32" fillId="0" borderId="121" xfId="0" applyNumberFormat="1" applyFont="1" applyFill="1" applyBorder="1">
      <alignment vertical="center"/>
    </xf>
    <xf numFmtId="38" fontId="32" fillId="0" borderId="69" xfId="0" applyNumberFormat="1" applyFont="1" applyFill="1" applyBorder="1">
      <alignment vertical="center"/>
    </xf>
    <xf numFmtId="38" fontId="32" fillId="0" borderId="42" xfId="0" applyNumberFormat="1" applyFont="1" applyFill="1" applyBorder="1">
      <alignment vertical="center"/>
    </xf>
    <xf numFmtId="38" fontId="32" fillId="0" borderId="50" xfId="3" applyFont="1" applyFill="1" applyBorder="1">
      <alignment vertical="center"/>
    </xf>
    <xf numFmtId="0" fontId="35" fillId="0" borderId="92" xfId="0" applyFont="1" applyFill="1" applyBorder="1" applyAlignment="1">
      <alignment horizontal="center" vertical="center" wrapText="1"/>
    </xf>
    <xf numFmtId="38" fontId="32" fillId="0" borderId="9" xfId="0" applyNumberFormat="1" applyFont="1" applyFill="1" applyBorder="1">
      <alignment vertical="center"/>
    </xf>
    <xf numFmtId="38" fontId="32" fillId="0" borderId="59" xfId="0" applyNumberFormat="1" applyFont="1" applyFill="1" applyBorder="1">
      <alignment vertical="center"/>
    </xf>
    <xf numFmtId="38" fontId="32" fillId="0" borderId="60" xfId="0" applyNumberFormat="1" applyFont="1" applyFill="1" applyBorder="1">
      <alignment vertical="center"/>
    </xf>
    <xf numFmtId="0" fontId="35" fillId="0" borderId="109" xfId="0" applyFont="1" applyFill="1" applyBorder="1" applyAlignment="1">
      <alignment horizontal="center" vertical="center" wrapText="1"/>
    </xf>
    <xf numFmtId="38" fontId="34" fillId="0" borderId="17" xfId="3" applyFont="1" applyFill="1" applyBorder="1" applyAlignment="1">
      <alignment horizontal="right" vertical="center"/>
    </xf>
    <xf numFmtId="0" fontId="32" fillId="0" borderId="109" xfId="0" applyFont="1" applyFill="1" applyBorder="1" applyAlignment="1">
      <alignment horizontal="center" vertical="center" wrapText="1"/>
    </xf>
    <xf numFmtId="38" fontId="34" fillId="0" borderId="180" xfId="3" applyFont="1" applyFill="1" applyBorder="1" applyAlignment="1">
      <alignment horizontal="right" vertical="center"/>
    </xf>
    <xf numFmtId="38" fontId="34" fillId="0" borderId="144" xfId="3" applyNumberFormat="1" applyFont="1" applyFill="1" applyBorder="1" applyAlignment="1">
      <alignment vertical="center"/>
    </xf>
    <xf numFmtId="38" fontId="32" fillId="0" borderId="181" xfId="3" applyFont="1" applyFill="1" applyBorder="1">
      <alignment vertical="center"/>
    </xf>
    <xf numFmtId="0" fontId="32" fillId="0" borderId="147" xfId="0" applyFont="1" applyFill="1" applyBorder="1">
      <alignment vertical="center"/>
    </xf>
    <xf numFmtId="177" fontId="32" fillId="0" borderId="137" xfId="4" applyNumberFormat="1" applyFont="1" applyFill="1" applyBorder="1">
      <alignment vertical="center"/>
    </xf>
    <xf numFmtId="177" fontId="32" fillId="0" borderId="152" xfId="4" applyNumberFormat="1" applyFont="1" applyFill="1" applyBorder="1">
      <alignment vertical="center"/>
    </xf>
    <xf numFmtId="177" fontId="32" fillId="0" borderId="129" xfId="4" applyNumberFormat="1" applyFont="1" applyFill="1" applyBorder="1">
      <alignment vertical="center"/>
    </xf>
    <xf numFmtId="177" fontId="32" fillId="0" borderId="0" xfId="4" applyNumberFormat="1" applyFont="1" applyFill="1" applyBorder="1">
      <alignment vertical="center"/>
    </xf>
    <xf numFmtId="9" fontId="32" fillId="0" borderId="0" xfId="4" applyFont="1" applyFill="1" applyBorder="1">
      <alignment vertical="center"/>
    </xf>
    <xf numFmtId="0" fontId="38" fillId="0" borderId="91" xfId="0" applyFont="1" applyFill="1" applyBorder="1" applyAlignment="1">
      <alignment horizontal="center" vertical="center" wrapText="1"/>
    </xf>
    <xf numFmtId="0" fontId="38" fillId="0" borderId="92" xfId="0" applyFont="1" applyFill="1" applyBorder="1" applyAlignment="1">
      <alignment horizontal="center" vertical="center" wrapText="1"/>
    </xf>
    <xf numFmtId="0" fontId="38" fillId="0" borderId="176" xfId="0" applyFont="1" applyFill="1" applyBorder="1" applyAlignment="1">
      <alignment horizontal="center" vertical="center" wrapText="1"/>
    </xf>
    <xf numFmtId="0" fontId="38" fillId="0" borderId="63" xfId="0" applyFont="1" applyFill="1" applyBorder="1" applyAlignment="1">
      <alignment horizontal="center" vertical="center" wrapText="1"/>
    </xf>
    <xf numFmtId="38" fontId="34" fillId="0" borderId="138" xfId="3" applyFont="1" applyFill="1" applyBorder="1" applyAlignment="1">
      <alignment horizontal="right" vertical="center"/>
    </xf>
    <xf numFmtId="0" fontId="34" fillId="0" borderId="182" xfId="1" applyFont="1" applyFill="1" applyBorder="1" applyAlignment="1">
      <alignment horizontal="center" vertical="center"/>
    </xf>
    <xf numFmtId="0" fontId="35" fillId="0" borderId="24" xfId="0" applyFont="1" applyFill="1" applyBorder="1" applyAlignment="1">
      <alignment horizontal="center" vertical="center"/>
    </xf>
    <xf numFmtId="0" fontId="0" fillId="0" borderId="1" xfId="0" applyFill="1" applyBorder="1">
      <alignment vertical="center"/>
    </xf>
    <xf numFmtId="0" fontId="38" fillId="0" borderId="9" xfId="0" applyFont="1" applyFill="1" applyBorder="1" applyAlignment="1">
      <alignment horizontal="center" vertical="center" wrapText="1"/>
    </xf>
    <xf numFmtId="0" fontId="38" fillId="0" borderId="109" xfId="0" applyFont="1" applyFill="1" applyBorder="1" applyAlignment="1">
      <alignment horizontal="center" vertical="center" wrapText="1"/>
    </xf>
    <xf numFmtId="0" fontId="34" fillId="0" borderId="98" xfId="1" applyFont="1" applyFill="1" applyBorder="1" applyAlignment="1">
      <alignment horizontal="center" vertical="center"/>
    </xf>
    <xf numFmtId="0" fontId="38" fillId="0" borderId="31" xfId="0" applyFont="1" applyFill="1" applyBorder="1" applyAlignment="1">
      <alignment horizontal="center" vertical="center" wrapText="1"/>
    </xf>
    <xf numFmtId="0" fontId="32" fillId="0" borderId="56" xfId="0" applyFont="1" applyFill="1" applyBorder="1">
      <alignment vertical="center"/>
    </xf>
    <xf numFmtId="0" fontId="32" fillId="0" borderId="154" xfId="0" applyFont="1" applyFill="1" applyBorder="1">
      <alignment vertical="center"/>
    </xf>
    <xf numFmtId="0" fontId="32" fillId="0" borderId="112" xfId="0" applyFont="1" applyFill="1" applyBorder="1">
      <alignment vertical="center"/>
    </xf>
    <xf numFmtId="0" fontId="32" fillId="0" borderId="122" xfId="0" applyFont="1" applyFill="1" applyBorder="1">
      <alignment vertical="center"/>
    </xf>
    <xf numFmtId="0" fontId="32" fillId="0" borderId="107" xfId="0" applyFont="1" applyFill="1" applyBorder="1" applyAlignment="1">
      <alignment horizontal="left" vertical="center"/>
    </xf>
    <xf numFmtId="176" fontId="32" fillId="0" borderId="107" xfId="0" applyNumberFormat="1" applyFont="1" applyFill="1" applyBorder="1" applyAlignment="1">
      <alignment horizontal="right" vertical="center"/>
    </xf>
    <xf numFmtId="176" fontId="32" fillId="0" borderId="0" xfId="0" applyNumberFormat="1" applyFont="1" applyFill="1" applyBorder="1" applyAlignment="1">
      <alignment horizontal="left" vertical="center"/>
    </xf>
    <xf numFmtId="176" fontId="40" fillId="0" borderId="0" xfId="0" applyNumberFormat="1" applyFont="1" applyFill="1" applyBorder="1" applyAlignment="1">
      <alignment horizontal="left" vertical="center"/>
    </xf>
    <xf numFmtId="0" fontId="32" fillId="0" borderId="24" xfId="0" applyFont="1" applyFill="1" applyBorder="1" applyAlignment="1">
      <alignment horizontal="center" vertical="center" wrapText="1"/>
    </xf>
    <xf numFmtId="0" fontId="32" fillId="0" borderId="42" xfId="0" applyFont="1" applyFill="1" applyBorder="1" applyAlignment="1">
      <alignment horizontal="left" vertical="center"/>
    </xf>
    <xf numFmtId="0" fontId="32" fillId="0" borderId="60" xfId="0" applyFont="1" applyFill="1" applyBorder="1" applyAlignment="1">
      <alignment horizontal="left" vertical="center"/>
    </xf>
    <xf numFmtId="0" fontId="32" fillId="0" borderId="60" xfId="0" applyFont="1" applyFill="1" applyBorder="1" applyAlignment="1">
      <alignment vertical="center"/>
    </xf>
    <xf numFmtId="0" fontId="32" fillId="0" borderId="109" xfId="0" applyFont="1" applyFill="1" applyBorder="1" applyAlignment="1">
      <alignment horizontal="left" vertical="center"/>
    </xf>
    <xf numFmtId="0" fontId="32" fillId="0" borderId="125" xfId="0" applyFont="1" applyFill="1" applyBorder="1" applyAlignment="1">
      <alignment horizontal="left" vertical="center"/>
    </xf>
    <xf numFmtId="0" fontId="32" fillId="0" borderId="124" xfId="0" applyFont="1" applyFill="1" applyBorder="1">
      <alignment vertical="center"/>
    </xf>
    <xf numFmtId="0" fontId="32" fillId="0" borderId="176" xfId="0" applyFont="1" applyFill="1" applyBorder="1">
      <alignment vertical="center"/>
    </xf>
    <xf numFmtId="0" fontId="32" fillId="0" borderId="125" xfId="0" applyFont="1" applyFill="1" applyBorder="1">
      <alignment vertical="center"/>
    </xf>
    <xf numFmtId="0" fontId="32" fillId="0" borderId="62" xfId="0" applyFont="1" applyFill="1" applyBorder="1">
      <alignment vertical="center"/>
    </xf>
    <xf numFmtId="0" fontId="32" fillId="0" borderId="39" xfId="0" applyFont="1" applyFill="1" applyBorder="1" applyAlignment="1">
      <alignment horizontal="left" vertical="center"/>
    </xf>
    <xf numFmtId="0" fontId="32" fillId="0" borderId="91" xfId="0" applyFont="1" applyFill="1" applyBorder="1" applyAlignment="1">
      <alignment vertical="center"/>
    </xf>
    <xf numFmtId="0" fontId="32" fillId="0" borderId="77" xfId="0" applyFont="1" applyFill="1" applyBorder="1" applyAlignment="1">
      <alignment vertical="center"/>
    </xf>
    <xf numFmtId="0" fontId="32" fillId="0" borderId="13" xfId="0" applyFont="1" applyFill="1" applyBorder="1" applyAlignment="1">
      <alignment vertical="center"/>
    </xf>
    <xf numFmtId="0" fontId="32" fillId="0" borderId="9" xfId="0" applyFont="1" applyFill="1" applyBorder="1" applyAlignment="1">
      <alignment vertical="center"/>
    </xf>
    <xf numFmtId="0" fontId="32" fillId="0" borderId="1" xfId="0" applyFont="1" applyFill="1" applyBorder="1" applyAlignment="1">
      <alignment vertical="center"/>
    </xf>
    <xf numFmtId="0" fontId="32" fillId="0" borderId="10" xfId="0" applyFont="1" applyFill="1" applyBorder="1" applyAlignment="1">
      <alignment vertical="center"/>
    </xf>
    <xf numFmtId="0" fontId="32" fillId="0" borderId="96" xfId="0" applyFont="1" applyFill="1" applyBorder="1" applyAlignment="1">
      <alignment vertical="center"/>
    </xf>
    <xf numFmtId="0" fontId="32" fillId="0" borderId="40" xfId="0" applyFont="1" applyFill="1" applyBorder="1" applyAlignment="1">
      <alignment vertical="center"/>
    </xf>
    <xf numFmtId="0" fontId="32" fillId="0" borderId="61" xfId="2" applyFont="1" applyFill="1" applyBorder="1" applyAlignment="1">
      <alignment horizontal="left" vertical="center"/>
    </xf>
    <xf numFmtId="0" fontId="32" fillId="0" borderId="136" xfId="2" applyFont="1" applyFill="1" applyBorder="1" applyAlignment="1">
      <alignment horizontal="left" vertical="center"/>
    </xf>
    <xf numFmtId="0" fontId="32" fillId="0" borderId="125" xfId="2" applyFont="1" applyFill="1" applyBorder="1" applyAlignment="1">
      <alignment horizontal="left" vertical="center"/>
    </xf>
    <xf numFmtId="0" fontId="32" fillId="0" borderId="56" xfId="2" applyFont="1" applyFill="1" applyBorder="1" applyAlignment="1">
      <alignment horizontal="left" vertical="center"/>
    </xf>
    <xf numFmtId="0" fontId="32" fillId="0" borderId="54" xfId="2" applyFont="1" applyFill="1" applyBorder="1" applyAlignment="1">
      <alignment horizontal="left" vertical="center"/>
    </xf>
    <xf numFmtId="0" fontId="32" fillId="0" borderId="32" xfId="2" applyFont="1" applyFill="1" applyBorder="1" applyAlignment="1">
      <alignment horizontal="left" vertical="center"/>
    </xf>
    <xf numFmtId="0" fontId="32" fillId="0" borderId="69" xfId="2" applyFont="1" applyFill="1" applyBorder="1" applyAlignment="1">
      <alignment horizontal="left" vertical="center"/>
    </xf>
    <xf numFmtId="0" fontId="32" fillId="0" borderId="42" xfId="2" applyFont="1" applyFill="1" applyBorder="1" applyAlignment="1">
      <alignment horizontal="left" vertical="center"/>
    </xf>
    <xf numFmtId="0" fontId="32" fillId="0" borderId="13" xfId="2" applyFont="1" applyFill="1" applyBorder="1" applyAlignment="1">
      <alignment horizontal="right" vertical="center"/>
    </xf>
    <xf numFmtId="0" fontId="32" fillId="0" borderId="20" xfId="2" applyFont="1" applyFill="1" applyBorder="1" applyAlignment="1">
      <alignment horizontal="right" vertical="center"/>
    </xf>
    <xf numFmtId="0" fontId="32" fillId="0" borderId="132" xfId="2" applyFont="1" applyFill="1" applyBorder="1" applyAlignment="1">
      <alignment horizontal="right" vertical="center"/>
    </xf>
    <xf numFmtId="0" fontId="32" fillId="0" borderId="60" xfId="2" applyFont="1" applyFill="1" applyBorder="1" applyAlignment="1">
      <alignment horizontal="right" vertical="center"/>
    </xf>
    <xf numFmtId="0" fontId="37" fillId="0" borderId="23" xfId="0" applyFont="1" applyBorder="1" applyAlignment="1">
      <alignment horizontal="center" vertical="center" wrapText="1"/>
    </xf>
    <xf numFmtId="177" fontId="32" fillId="0" borderId="2" xfId="0" applyNumberFormat="1" applyFont="1" applyFill="1" applyBorder="1">
      <alignment vertical="center"/>
    </xf>
    <xf numFmtId="177" fontId="32" fillId="0" borderId="16" xfId="0" applyNumberFormat="1" applyFont="1" applyFill="1" applyBorder="1">
      <alignment vertical="center"/>
    </xf>
    <xf numFmtId="177" fontId="32" fillId="0" borderId="40" xfId="0" applyNumberFormat="1" applyFont="1" applyFill="1" applyBorder="1" applyAlignment="1">
      <alignment horizontal="right" vertical="center"/>
    </xf>
    <xf numFmtId="177" fontId="32" fillId="0" borderId="40" xfId="0" applyNumberFormat="1" applyFont="1" applyFill="1" applyBorder="1">
      <alignment vertical="center"/>
    </xf>
    <xf numFmtId="177" fontId="32" fillId="0" borderId="29" xfId="0" applyNumberFormat="1" applyFont="1" applyFill="1" applyBorder="1">
      <alignment vertical="center"/>
    </xf>
    <xf numFmtId="177" fontId="32" fillId="0" borderId="0" xfId="4" applyNumberFormat="1" applyFont="1">
      <alignment vertical="center"/>
    </xf>
    <xf numFmtId="177" fontId="32" fillId="0" borderId="0" xfId="0" applyNumberFormat="1" applyFont="1">
      <alignment vertical="center"/>
    </xf>
    <xf numFmtId="177" fontId="32" fillId="0" borderId="125" xfId="4" applyNumberFormat="1" applyFont="1" applyFill="1" applyBorder="1">
      <alignment vertical="center"/>
    </xf>
    <xf numFmtId="177" fontId="32" fillId="0" borderId="64" xfId="4" applyNumberFormat="1" applyFont="1" applyBorder="1" applyAlignment="1">
      <alignment horizontal="right" vertical="center"/>
    </xf>
    <xf numFmtId="177" fontId="32" fillId="0" borderId="96" xfId="4" applyNumberFormat="1" applyFont="1" applyBorder="1">
      <alignment vertical="center"/>
    </xf>
    <xf numFmtId="177" fontId="32" fillId="0" borderId="40" xfId="4" applyNumberFormat="1" applyFont="1" applyBorder="1">
      <alignment vertical="center"/>
    </xf>
    <xf numFmtId="177" fontId="32" fillId="0" borderId="40" xfId="0" applyNumberFormat="1" applyFont="1" applyBorder="1">
      <alignment vertical="center"/>
    </xf>
    <xf numFmtId="177" fontId="32" fillId="0" borderId="33" xfId="0" applyNumberFormat="1" applyFont="1" applyBorder="1">
      <alignment vertical="center"/>
    </xf>
    <xf numFmtId="177" fontId="32" fillId="0" borderId="51" xfId="0" applyNumberFormat="1" applyFont="1" applyBorder="1">
      <alignment vertical="center"/>
    </xf>
    <xf numFmtId="177" fontId="32" fillId="0" borderId="13" xfId="0" applyNumberFormat="1" applyFont="1" applyFill="1" applyBorder="1" applyAlignment="1">
      <alignment horizontal="right" vertical="center"/>
    </xf>
    <xf numFmtId="177" fontId="32" fillId="0" borderId="10" xfId="0" applyNumberFormat="1" applyFont="1" applyFill="1" applyBorder="1" applyAlignment="1">
      <alignment horizontal="right" vertical="center"/>
    </xf>
    <xf numFmtId="177" fontId="32" fillId="0" borderId="71" xfId="0" applyNumberFormat="1" applyFont="1" applyFill="1" applyBorder="1" applyAlignment="1">
      <alignment horizontal="right" vertical="center"/>
    </xf>
    <xf numFmtId="177" fontId="32" fillId="0" borderId="143" xfId="0" applyNumberFormat="1" applyFont="1" applyBorder="1" applyAlignment="1">
      <alignment horizontal="right" vertical="center"/>
    </xf>
    <xf numFmtId="177" fontId="32" fillId="0" borderId="17" xfId="0" applyNumberFormat="1" applyFont="1" applyFill="1" applyBorder="1" applyAlignment="1">
      <alignment horizontal="right" vertical="center"/>
    </xf>
    <xf numFmtId="177" fontId="32" fillId="0" borderId="21" xfId="0" applyNumberFormat="1" applyFont="1" applyBorder="1" applyAlignment="1">
      <alignment horizontal="right" vertical="center"/>
    </xf>
    <xf numFmtId="177" fontId="32" fillId="0" borderId="13" xfId="4" applyNumberFormat="1" applyFont="1" applyFill="1" applyBorder="1" applyAlignment="1">
      <alignment horizontal="right" vertical="center"/>
    </xf>
    <xf numFmtId="177" fontId="32" fillId="0" borderId="10" xfId="4" applyNumberFormat="1" applyFont="1" applyFill="1" applyBorder="1" applyAlignment="1">
      <alignment horizontal="right" vertical="center"/>
    </xf>
    <xf numFmtId="177" fontId="32" fillId="0" borderId="17" xfId="4" applyNumberFormat="1" applyFont="1" applyFill="1" applyBorder="1" applyAlignment="1">
      <alignment horizontal="right" vertical="center"/>
    </xf>
    <xf numFmtId="177" fontId="32" fillId="0" borderId="21" xfId="4" applyNumberFormat="1" applyFont="1" applyFill="1" applyBorder="1" applyAlignment="1">
      <alignment horizontal="right" vertical="center"/>
    </xf>
    <xf numFmtId="177" fontId="32" fillId="0" borderId="21" xfId="0" applyNumberFormat="1" applyFont="1" applyFill="1" applyBorder="1" applyAlignment="1">
      <alignment horizontal="right" vertical="center"/>
    </xf>
    <xf numFmtId="177" fontId="32" fillId="0" borderId="12" xfId="0" applyNumberFormat="1" applyFont="1" applyFill="1" applyBorder="1">
      <alignment vertical="center"/>
    </xf>
    <xf numFmtId="177" fontId="32" fillId="0" borderId="9" xfId="0" applyNumberFormat="1" applyFont="1" applyFill="1" applyBorder="1" applyAlignment="1">
      <alignment horizontal="right" vertical="center"/>
    </xf>
    <xf numFmtId="177" fontId="32" fillId="0" borderId="9" xfId="0" applyNumberFormat="1" applyFont="1" applyFill="1" applyBorder="1">
      <alignment vertical="center"/>
    </xf>
    <xf numFmtId="177" fontId="32" fillId="0" borderId="15" xfId="0" applyNumberFormat="1" applyFont="1" applyFill="1" applyBorder="1">
      <alignment vertical="center"/>
    </xf>
    <xf numFmtId="177" fontId="32" fillId="0" borderId="19" xfId="4" applyNumberFormat="1" applyFont="1" applyBorder="1">
      <alignment vertical="center"/>
    </xf>
    <xf numFmtId="177" fontId="32" fillId="0" borderId="1" xfId="0" applyNumberFormat="1" applyFont="1" applyFill="1" applyBorder="1" applyAlignment="1">
      <alignment horizontal="right" vertical="center"/>
    </xf>
    <xf numFmtId="177" fontId="32" fillId="0" borderId="1" xfId="0" applyNumberFormat="1" applyFont="1" applyFill="1" applyBorder="1">
      <alignment vertical="center"/>
    </xf>
    <xf numFmtId="177" fontId="32" fillId="0" borderId="20" xfId="0" applyNumberFormat="1" applyFont="1" applyBorder="1">
      <alignment vertical="center"/>
    </xf>
    <xf numFmtId="177" fontId="32" fillId="0" borderId="19" xfId="0" applyNumberFormat="1" applyFont="1" applyBorder="1">
      <alignment vertical="center"/>
    </xf>
    <xf numFmtId="177" fontId="32" fillId="0" borderId="80" xfId="0" applyNumberFormat="1" applyFont="1" applyFill="1" applyBorder="1" applyAlignment="1">
      <alignment horizontal="right" vertical="center"/>
    </xf>
    <xf numFmtId="177" fontId="32" fillId="0" borderId="124" xfId="0" applyNumberFormat="1" applyFont="1" applyFill="1" applyBorder="1" applyAlignment="1">
      <alignment horizontal="right" vertical="center"/>
    </xf>
    <xf numFmtId="177" fontId="32" fillId="0" borderId="96" xfId="0" applyNumberFormat="1" applyFont="1" applyFill="1" applyBorder="1">
      <alignment vertical="center"/>
    </xf>
    <xf numFmtId="177" fontId="32" fillId="0" borderId="166" xfId="0" applyNumberFormat="1" applyFont="1" applyFill="1" applyBorder="1">
      <alignment vertical="center"/>
    </xf>
    <xf numFmtId="177" fontId="32" fillId="0" borderId="162" xfId="0" applyNumberFormat="1" applyFont="1" applyFill="1" applyBorder="1">
      <alignment vertical="center"/>
    </xf>
    <xf numFmtId="177" fontId="32" fillId="0" borderId="51" xfId="0" applyNumberFormat="1" applyFont="1" applyFill="1" applyBorder="1">
      <alignment vertical="center"/>
    </xf>
    <xf numFmtId="177" fontId="32" fillId="0" borderId="163" xfId="0" applyNumberFormat="1" applyFont="1" applyFill="1" applyBorder="1">
      <alignment vertical="center"/>
    </xf>
    <xf numFmtId="177" fontId="32" fillId="0" borderId="169" xfId="0" applyNumberFormat="1" applyFont="1" applyFill="1" applyBorder="1">
      <alignment vertical="center"/>
    </xf>
    <xf numFmtId="177" fontId="32" fillId="0" borderId="33" xfId="0" applyNumberFormat="1" applyFont="1" applyFill="1" applyBorder="1" applyAlignment="1">
      <alignment vertical="center"/>
    </xf>
    <xf numFmtId="177" fontId="32" fillId="0" borderId="39" xfId="0" applyNumberFormat="1" applyFont="1" applyFill="1" applyBorder="1">
      <alignment vertical="center"/>
    </xf>
    <xf numFmtId="177" fontId="32" fillId="0" borderId="149" xfId="4" applyNumberFormat="1" applyFont="1" applyBorder="1">
      <alignment vertical="center"/>
    </xf>
    <xf numFmtId="177" fontId="32" fillId="0" borderId="151" xfId="4" applyNumberFormat="1" applyFont="1" applyFill="1" applyBorder="1">
      <alignment vertical="center"/>
    </xf>
    <xf numFmtId="177" fontId="32" fillId="0" borderId="35" xfId="0" applyNumberFormat="1" applyFont="1" applyFill="1" applyBorder="1" applyAlignment="1">
      <alignment horizontal="right" vertical="center"/>
    </xf>
    <xf numFmtId="177" fontId="32" fillId="0" borderId="123" xfId="0" applyNumberFormat="1" applyFont="1" applyFill="1" applyBorder="1" applyAlignment="1">
      <alignment horizontal="right" vertical="center"/>
    </xf>
    <xf numFmtId="177" fontId="32" fillId="0" borderId="141" xfId="0" applyNumberFormat="1" applyFont="1" applyFill="1" applyBorder="1" applyAlignment="1">
      <alignment horizontal="right" vertical="center"/>
    </xf>
    <xf numFmtId="177" fontId="32" fillId="0" borderId="158" xfId="0" applyNumberFormat="1" applyFont="1" applyFill="1" applyBorder="1" applyAlignment="1">
      <alignment horizontal="right" vertical="center"/>
    </xf>
    <xf numFmtId="177" fontId="32" fillId="0" borderId="184" xfId="0" applyNumberFormat="1" applyFont="1" applyFill="1" applyBorder="1">
      <alignment vertical="center"/>
    </xf>
    <xf numFmtId="0" fontId="30" fillId="0" borderId="2" xfId="0" applyFont="1" applyFill="1" applyBorder="1" applyAlignment="1">
      <alignment horizontal="center" vertical="center"/>
    </xf>
    <xf numFmtId="0" fontId="30" fillId="0" borderId="1" xfId="0" applyFont="1" applyFill="1" applyBorder="1" applyAlignment="1">
      <alignment horizontal="center" vertical="center"/>
    </xf>
    <xf numFmtId="0" fontId="32" fillId="0" borderId="59" xfId="0" applyFont="1" applyFill="1" applyBorder="1" applyAlignment="1">
      <alignment vertical="center"/>
    </xf>
    <xf numFmtId="0" fontId="32" fillId="0" borderId="59" xfId="0" applyFont="1" applyFill="1" applyBorder="1" applyAlignment="1">
      <alignment horizontal="right" vertical="center"/>
    </xf>
    <xf numFmtId="0" fontId="32" fillId="0" borderId="59" xfId="0" applyFont="1" applyBorder="1">
      <alignment vertical="center"/>
    </xf>
    <xf numFmtId="0" fontId="32" fillId="0" borderId="60" xfId="0" applyFont="1" applyBorder="1">
      <alignment vertical="center"/>
    </xf>
    <xf numFmtId="0" fontId="32" fillId="0" borderId="2" xfId="0" applyFont="1" applyFill="1" applyBorder="1" applyAlignment="1">
      <alignment horizontal="right" vertical="center"/>
    </xf>
    <xf numFmtId="0" fontId="32" fillId="0" borderId="16" xfId="0" applyFont="1" applyFill="1" applyBorder="1" applyAlignment="1">
      <alignment horizontal="right" vertical="center"/>
    </xf>
    <xf numFmtId="0" fontId="32" fillId="0" borderId="67" xfId="0" applyFont="1" applyFill="1" applyBorder="1" applyAlignment="1">
      <alignment horizontal="right" vertical="center"/>
    </xf>
    <xf numFmtId="0" fontId="32" fillId="0" borderId="0" xfId="0" applyFont="1" applyFill="1" applyBorder="1" applyAlignment="1">
      <alignment horizontal="center" vertical="center"/>
    </xf>
    <xf numFmtId="0" fontId="32" fillId="0" borderId="22" xfId="0" applyFont="1" applyFill="1" applyBorder="1" applyAlignment="1">
      <alignment horizontal="center" vertical="center"/>
    </xf>
    <xf numFmtId="0" fontId="32" fillId="0" borderId="76" xfId="0" applyFont="1" applyFill="1" applyBorder="1" applyAlignment="1">
      <alignment horizontal="center" vertical="center"/>
    </xf>
    <xf numFmtId="0" fontId="32" fillId="0" borderId="25" xfId="0" applyFont="1" applyFill="1" applyBorder="1" applyAlignment="1">
      <alignment horizontal="center" vertical="center"/>
    </xf>
    <xf numFmtId="0" fontId="32" fillId="0" borderId="25" xfId="0" applyFont="1" applyFill="1" applyBorder="1" applyAlignment="1">
      <alignment horizontal="center" vertical="center" wrapText="1"/>
    </xf>
    <xf numFmtId="0" fontId="39" fillId="0" borderId="0" xfId="0" applyFont="1" applyFill="1">
      <alignment vertical="center"/>
    </xf>
    <xf numFmtId="0" fontId="32" fillId="0" borderId="11" xfId="0" applyFont="1" applyFill="1" applyBorder="1" applyAlignment="1">
      <alignment horizontal="center" vertical="center"/>
    </xf>
    <xf numFmtId="0" fontId="32" fillId="0" borderId="103" xfId="0" applyFont="1" applyFill="1" applyBorder="1" applyAlignment="1">
      <alignment horizontal="center" vertical="center"/>
    </xf>
    <xf numFmtId="0" fontId="32" fillId="0" borderId="26" xfId="0" applyFont="1" applyFill="1" applyBorder="1" applyAlignment="1">
      <alignment horizontal="right" vertical="center"/>
    </xf>
    <xf numFmtId="38" fontId="32" fillId="0" borderId="151" xfId="3" applyFont="1" applyFill="1" applyBorder="1" applyAlignment="1">
      <alignment horizontal="right" vertical="center"/>
    </xf>
    <xf numFmtId="0" fontId="32" fillId="0" borderId="150" xfId="0" applyFont="1" applyFill="1" applyBorder="1">
      <alignment vertical="center"/>
    </xf>
    <xf numFmtId="38" fontId="32" fillId="0" borderId="155" xfId="3" applyFont="1" applyFill="1" applyBorder="1">
      <alignment vertical="center"/>
    </xf>
    <xf numFmtId="177" fontId="32" fillId="0" borderId="7" xfId="0" applyNumberFormat="1" applyFont="1" applyFill="1" applyBorder="1" applyAlignment="1">
      <alignment horizontal="right" vertical="center"/>
    </xf>
    <xf numFmtId="177" fontId="32" fillId="0" borderId="156" xfId="0" applyNumberFormat="1" applyFont="1" applyFill="1" applyBorder="1" applyAlignment="1">
      <alignment horizontal="right" vertical="center"/>
    </xf>
    <xf numFmtId="0" fontId="32" fillId="0" borderId="98" xfId="0" applyFont="1" applyFill="1" applyBorder="1">
      <alignment vertical="center"/>
    </xf>
    <xf numFmtId="0" fontId="35" fillId="0" borderId="18" xfId="0" applyFont="1" applyFill="1" applyBorder="1" applyAlignment="1">
      <alignment horizontal="center" vertical="center" wrapText="1"/>
    </xf>
    <xf numFmtId="177" fontId="32" fillId="0" borderId="157" xfId="0" applyNumberFormat="1" applyFont="1" applyFill="1" applyBorder="1">
      <alignment vertical="center"/>
    </xf>
    <xf numFmtId="177" fontId="32" fillId="0" borderId="47" xfId="0" applyNumberFormat="1" applyFont="1" applyFill="1" applyBorder="1">
      <alignment vertical="center"/>
    </xf>
    <xf numFmtId="0" fontId="36" fillId="0" borderId="23" xfId="0" applyFont="1" applyFill="1" applyBorder="1" applyAlignment="1">
      <alignment horizontal="center" vertical="center" wrapText="1"/>
    </xf>
    <xf numFmtId="0" fontId="38" fillId="0" borderId="55" xfId="0" applyFont="1" applyFill="1" applyBorder="1" applyAlignment="1">
      <alignment horizontal="center" vertical="center" wrapText="1"/>
    </xf>
    <xf numFmtId="176" fontId="32" fillId="0" borderId="0" xfId="0" applyNumberFormat="1" applyFont="1" applyFill="1" applyAlignment="1">
      <alignment horizontal="right" vertical="center"/>
    </xf>
    <xf numFmtId="177" fontId="32" fillId="0" borderId="33" xfId="0" applyNumberFormat="1" applyFont="1" applyFill="1" applyBorder="1">
      <alignment vertical="center"/>
    </xf>
    <xf numFmtId="177" fontId="32" fillId="0" borderId="34" xfId="0" applyNumberFormat="1" applyFont="1" applyFill="1" applyBorder="1">
      <alignment vertical="center"/>
    </xf>
    <xf numFmtId="176" fontId="32" fillId="0" borderId="0" xfId="0" applyNumberFormat="1" applyFont="1" applyFill="1">
      <alignment vertical="center"/>
    </xf>
    <xf numFmtId="0" fontId="0" fillId="0" borderId="0" xfId="0" applyFill="1">
      <alignment vertical="center"/>
    </xf>
    <xf numFmtId="0" fontId="36" fillId="0" borderId="99" xfId="0" applyFont="1" applyFill="1" applyBorder="1" applyAlignment="1">
      <alignment horizontal="center" vertical="center" wrapText="1"/>
    </xf>
    <xf numFmtId="38" fontId="32" fillId="0" borderId="144" xfId="3" applyFont="1" applyFill="1" applyBorder="1" applyAlignment="1">
      <alignment vertical="center"/>
    </xf>
    <xf numFmtId="180" fontId="32" fillId="0" borderId="124" xfId="4" applyNumberFormat="1" applyFont="1" applyFill="1" applyBorder="1">
      <alignment vertical="center"/>
    </xf>
    <xf numFmtId="0" fontId="33" fillId="0" borderId="0" xfId="0" applyFont="1" applyFill="1">
      <alignment vertical="center"/>
    </xf>
    <xf numFmtId="0" fontId="38" fillId="0" borderId="25" xfId="2" applyFont="1" applyBorder="1" applyAlignment="1">
      <alignment horizontal="center" vertical="center" wrapText="1"/>
    </xf>
    <xf numFmtId="0" fontId="32" fillId="0" borderId="77" xfId="2" applyFont="1" applyFill="1" applyBorder="1" applyAlignment="1">
      <alignment horizontal="right" vertical="center" wrapText="1"/>
    </xf>
    <xf numFmtId="0" fontId="32" fillId="0" borderId="86" xfId="2" applyFont="1" applyFill="1" applyBorder="1" applyAlignment="1">
      <alignment horizontal="right" vertical="center"/>
    </xf>
    <xf numFmtId="177" fontId="32" fillId="0" borderId="28" xfId="2" applyNumberFormat="1" applyFont="1" applyFill="1" applyBorder="1" applyAlignment="1">
      <alignment horizontal="right" vertical="center"/>
    </xf>
    <xf numFmtId="177" fontId="32" fillId="0" borderId="71" xfId="2" applyNumberFormat="1" applyFont="1" applyFill="1" applyBorder="1" applyAlignment="1">
      <alignment horizontal="right" vertical="center"/>
    </xf>
    <xf numFmtId="177" fontId="32" fillId="0" borderId="62" xfId="2" applyNumberFormat="1" applyFont="1" applyFill="1" applyBorder="1" applyAlignment="1">
      <alignment horizontal="right" vertical="center"/>
    </xf>
    <xf numFmtId="177" fontId="32" fillId="0" borderId="10" xfId="2" applyNumberFormat="1" applyFont="1" applyFill="1" applyBorder="1" applyAlignment="1">
      <alignment horizontal="right" vertical="center"/>
    </xf>
    <xf numFmtId="177" fontId="32" fillId="0" borderId="124" xfId="2" applyNumberFormat="1" applyFont="1" applyFill="1" applyBorder="1" applyAlignment="1">
      <alignment horizontal="right" vertical="center"/>
    </xf>
    <xf numFmtId="0" fontId="32" fillId="0" borderId="127" xfId="0" applyFont="1" applyFill="1" applyBorder="1" applyAlignment="1">
      <alignment horizontal="center" vertical="center"/>
    </xf>
    <xf numFmtId="0" fontId="32" fillId="0" borderId="23" xfId="0" applyFont="1" applyBorder="1" applyAlignment="1">
      <alignment horizontal="center" vertical="center"/>
    </xf>
    <xf numFmtId="0" fontId="32" fillId="0" borderId="9" xfId="0" applyFont="1" applyBorder="1" applyAlignment="1">
      <alignment horizontal="center" vertical="center"/>
    </xf>
    <xf numFmtId="0" fontId="32" fillId="0" borderId="12" xfId="0" applyFont="1" applyBorder="1" applyAlignment="1">
      <alignment horizontal="center" vertical="center"/>
    </xf>
    <xf numFmtId="0" fontId="32" fillId="0" borderId="31" xfId="0" applyFont="1" applyBorder="1" applyAlignment="1">
      <alignment horizontal="center" vertical="center"/>
    </xf>
    <xf numFmtId="0" fontId="32" fillId="0" borderId="83" xfId="0" applyFont="1" applyBorder="1" applyAlignment="1">
      <alignment horizontal="center" vertical="center"/>
    </xf>
    <xf numFmtId="0" fontId="32" fillId="0" borderId="86" xfId="0" applyFont="1" applyBorder="1" applyAlignment="1">
      <alignment horizontal="center" vertical="center"/>
    </xf>
    <xf numFmtId="0" fontId="32" fillId="0" borderId="84" xfId="0" applyFont="1" applyBorder="1" applyAlignment="1">
      <alignment horizontal="center" vertical="center"/>
    </xf>
    <xf numFmtId="0" fontId="9" fillId="0" borderId="3" xfId="0" applyFont="1" applyBorder="1" applyAlignment="1">
      <alignment horizontal="center" vertical="center"/>
    </xf>
    <xf numFmtId="0" fontId="9" fillId="0" borderId="14" xfId="0" applyFont="1" applyBorder="1" applyAlignment="1">
      <alignment horizontal="center" vertical="center"/>
    </xf>
    <xf numFmtId="0" fontId="9" fillId="0" borderId="76" xfId="0" applyFont="1" applyBorder="1" applyAlignment="1">
      <alignment horizontal="center" vertical="center"/>
    </xf>
    <xf numFmtId="0" fontId="9" fillId="0" borderId="22" xfId="0" applyFont="1" applyBorder="1" applyAlignment="1">
      <alignment horizontal="center" vertical="center"/>
    </xf>
    <xf numFmtId="0" fontId="9" fillId="0" borderId="43" xfId="0" applyFont="1" applyBorder="1" applyAlignment="1">
      <alignment horizontal="center" vertical="center"/>
    </xf>
    <xf numFmtId="0" fontId="9" fillId="0" borderId="87" xfId="0" applyFont="1" applyBorder="1" applyAlignment="1">
      <alignment horizontal="center" vertical="center"/>
    </xf>
    <xf numFmtId="0" fontId="9" fillId="0" borderId="49" xfId="0" applyFont="1" applyBorder="1" applyAlignment="1">
      <alignment horizontal="center" vertical="center"/>
    </xf>
    <xf numFmtId="0" fontId="9" fillId="0" borderId="83" xfId="0" applyFont="1" applyBorder="1" applyAlignment="1">
      <alignment horizontal="center" vertical="center"/>
    </xf>
    <xf numFmtId="0" fontId="9" fillId="0" borderId="84" xfId="0" applyFont="1" applyBorder="1" applyAlignment="1">
      <alignment horizontal="center" vertical="center"/>
    </xf>
    <xf numFmtId="0" fontId="9" fillId="0" borderId="86" xfId="0" applyFont="1" applyBorder="1" applyAlignment="1">
      <alignment horizontal="center" vertical="center"/>
    </xf>
    <xf numFmtId="0" fontId="32" fillId="0" borderId="76" xfId="0" applyFont="1" applyFill="1" applyBorder="1" applyAlignment="1">
      <alignment horizontal="center" vertical="center"/>
    </xf>
    <xf numFmtId="0" fontId="32" fillId="0" borderId="22" xfId="0" applyFont="1" applyFill="1" applyBorder="1" applyAlignment="1">
      <alignment horizontal="center" vertical="center"/>
    </xf>
    <xf numFmtId="0" fontId="32" fillId="0" borderId="6" xfId="0" applyFont="1" applyFill="1" applyBorder="1" applyAlignment="1">
      <alignment horizontal="center" vertical="center"/>
    </xf>
    <xf numFmtId="0" fontId="32" fillId="0" borderId="7" xfId="0" applyFont="1" applyFill="1" applyBorder="1" applyAlignment="1">
      <alignment horizontal="center" vertical="center"/>
    </xf>
    <xf numFmtId="0" fontId="32" fillId="0" borderId="8" xfId="0" applyFont="1" applyFill="1" applyBorder="1" applyAlignment="1">
      <alignment horizontal="center" vertical="center"/>
    </xf>
    <xf numFmtId="0" fontId="32" fillId="0" borderId="76" xfId="0" applyFont="1" applyBorder="1" applyAlignment="1">
      <alignment horizontal="center" vertical="center"/>
    </xf>
    <xf numFmtId="0" fontId="32" fillId="0" borderId="22" xfId="0" applyFont="1" applyBorder="1" applyAlignment="1">
      <alignment horizontal="center" vertical="center"/>
    </xf>
    <xf numFmtId="0" fontId="32" fillId="0" borderId="6" xfId="0" applyFont="1" applyBorder="1" applyAlignment="1">
      <alignment horizontal="center" vertical="center"/>
    </xf>
    <xf numFmtId="0" fontId="32" fillId="0" borderId="7" xfId="0" applyFont="1" applyBorder="1" applyAlignment="1">
      <alignment horizontal="center" vertical="center"/>
    </xf>
    <xf numFmtId="0" fontId="32" fillId="0" borderId="8" xfId="0" applyFont="1" applyBorder="1" applyAlignment="1">
      <alignment horizontal="center" vertical="center"/>
    </xf>
    <xf numFmtId="0" fontId="32" fillId="0" borderId="76" xfId="0" applyFont="1" applyFill="1" applyBorder="1" applyAlignment="1">
      <alignment horizontal="center" vertical="center" wrapText="1"/>
    </xf>
    <xf numFmtId="0" fontId="32" fillId="0" borderId="3" xfId="0" applyFont="1" applyBorder="1" applyAlignment="1">
      <alignment horizontal="center" vertical="center"/>
    </xf>
    <xf numFmtId="0" fontId="32" fillId="0" borderId="14" xfId="0" applyFont="1" applyBorder="1" applyAlignment="1">
      <alignment horizontal="center" vertical="center"/>
    </xf>
    <xf numFmtId="0" fontId="32" fillId="0" borderId="97" xfId="0" applyFont="1" applyBorder="1" applyAlignment="1">
      <alignment horizontal="center" vertical="center"/>
    </xf>
    <xf numFmtId="0" fontId="32" fillId="0" borderId="110" xfId="0" applyFont="1" applyBorder="1" applyAlignment="1">
      <alignment horizontal="center" vertical="center"/>
    </xf>
    <xf numFmtId="0" fontId="32" fillId="0" borderId="105" xfId="0" applyFont="1" applyBorder="1" applyAlignment="1">
      <alignment horizontal="center" vertical="center"/>
    </xf>
    <xf numFmtId="0" fontId="32" fillId="0" borderId="106" xfId="0" applyFont="1" applyBorder="1" applyAlignment="1">
      <alignment horizontal="center" vertical="center"/>
    </xf>
    <xf numFmtId="0" fontId="32" fillId="0" borderId="99" xfId="0" applyFont="1" applyBorder="1" applyAlignment="1">
      <alignment horizontal="center" vertical="center"/>
    </xf>
    <xf numFmtId="0" fontId="32" fillId="0" borderId="107" xfId="0" applyFont="1" applyBorder="1" applyAlignment="1">
      <alignment horizontal="center" vertical="center"/>
    </xf>
    <xf numFmtId="0" fontId="32" fillId="0" borderId="2" xfId="0" applyFont="1" applyBorder="1" applyAlignment="1">
      <alignment horizontal="center" vertical="center"/>
    </xf>
    <xf numFmtId="0" fontId="32" fillId="0" borderId="1" xfId="0" applyFont="1" applyBorder="1" applyAlignment="1">
      <alignment horizontal="center" vertical="center"/>
    </xf>
    <xf numFmtId="0" fontId="32" fillId="0" borderId="15" xfId="0" applyFont="1" applyBorder="1" applyAlignment="1">
      <alignment horizontal="center" vertical="center"/>
    </xf>
    <xf numFmtId="0" fontId="32" fillId="0" borderId="16" xfId="0" applyFont="1" applyBorder="1" applyAlignment="1">
      <alignment horizontal="center" vertical="center"/>
    </xf>
    <xf numFmtId="0" fontId="32" fillId="0" borderId="98" xfId="0" applyFont="1" applyBorder="1" applyAlignment="1">
      <alignment horizontal="center" vertical="center" wrapText="1"/>
    </xf>
    <xf numFmtId="0" fontId="32" fillId="0" borderId="99" xfId="0" applyFont="1" applyBorder="1" applyAlignment="1">
      <alignment horizontal="center" vertical="center" wrapText="1"/>
    </xf>
    <xf numFmtId="0" fontId="32" fillId="0" borderId="139" xfId="0" applyFont="1" applyBorder="1" applyAlignment="1">
      <alignment horizontal="center" vertical="center"/>
    </xf>
    <xf numFmtId="0" fontId="32" fillId="0" borderId="35" xfId="0" applyFont="1" applyBorder="1" applyAlignment="1">
      <alignment horizontal="center" vertical="center"/>
    </xf>
    <xf numFmtId="177" fontId="32" fillId="0" borderId="33" xfId="0" applyNumberFormat="1" applyFont="1" applyFill="1" applyBorder="1" applyAlignment="1">
      <alignment horizontal="center" vertical="center"/>
    </xf>
    <xf numFmtId="177" fontId="32" fillId="0" borderId="39" xfId="0" applyNumberFormat="1" applyFont="1" applyFill="1" applyBorder="1" applyAlignment="1">
      <alignment horizontal="center" vertical="center"/>
    </xf>
    <xf numFmtId="0" fontId="35" fillId="0" borderId="94" xfId="0" applyFont="1" applyBorder="1" applyAlignment="1">
      <alignment horizontal="center" vertical="center"/>
    </xf>
    <xf numFmtId="0" fontId="35" fillId="0" borderId="126" xfId="0" applyFont="1" applyBorder="1" applyAlignment="1">
      <alignment horizontal="center" vertical="center"/>
    </xf>
    <xf numFmtId="0" fontId="32" fillId="0" borderId="98" xfId="0" applyFont="1" applyFill="1" applyBorder="1" applyAlignment="1">
      <alignment horizontal="center" vertical="center" wrapText="1"/>
    </xf>
    <xf numFmtId="0" fontId="32" fillId="0" borderId="99" xfId="0" applyFont="1" applyFill="1" applyBorder="1" applyAlignment="1">
      <alignment horizontal="center" vertical="center" wrapText="1"/>
    </xf>
    <xf numFmtId="0" fontId="32" fillId="0" borderId="97" xfId="0" applyFont="1" applyBorder="1" applyAlignment="1">
      <alignment horizontal="center" vertical="center" wrapText="1"/>
    </xf>
    <xf numFmtId="0" fontId="32" fillId="0" borderId="91" xfId="0" applyFont="1" applyBorder="1" applyAlignment="1">
      <alignment horizontal="center" vertical="center" wrapText="1"/>
    </xf>
    <xf numFmtId="0" fontId="10" fillId="0" borderId="74" xfId="0" applyFont="1" applyBorder="1" applyAlignment="1">
      <alignment horizontal="center" vertical="center" wrapText="1"/>
    </xf>
    <xf numFmtId="0" fontId="10" fillId="0" borderId="58" xfId="0" applyFont="1" applyBorder="1" applyAlignment="1">
      <alignment horizontal="center" vertical="center"/>
    </xf>
    <xf numFmtId="0" fontId="10" fillId="0" borderId="60" xfId="0" applyFont="1" applyBorder="1" applyAlignment="1">
      <alignment horizontal="center" vertical="center"/>
    </xf>
    <xf numFmtId="0" fontId="10" fillId="0" borderId="55" xfId="0" applyFont="1" applyBorder="1" applyAlignment="1">
      <alignment horizontal="center" vertical="center"/>
    </xf>
    <xf numFmtId="0" fontId="10" fillId="0" borderId="30" xfId="0" applyFont="1" applyBorder="1" applyAlignment="1">
      <alignment horizontal="center" vertical="center"/>
    </xf>
    <xf numFmtId="0" fontId="10" fillId="0" borderId="25" xfId="0" applyFont="1" applyBorder="1" applyAlignment="1">
      <alignment horizontal="center" vertical="center"/>
    </xf>
    <xf numFmtId="0" fontId="10" fillId="0" borderId="68" xfId="5" applyNumberFormat="1" applyFont="1" applyFill="1" applyBorder="1" applyAlignment="1">
      <alignment horizontal="left" vertical="center"/>
    </xf>
    <xf numFmtId="0" fontId="10" fillId="0" borderId="66" xfId="5" applyNumberFormat="1" applyFont="1" applyFill="1" applyBorder="1" applyAlignment="1">
      <alignment horizontal="left" vertical="center"/>
    </xf>
    <xf numFmtId="0" fontId="10" fillId="0" borderId="78" xfId="0" applyFont="1" applyBorder="1" applyAlignment="1">
      <alignment horizontal="left" vertical="center" wrapText="1"/>
    </xf>
    <xf numFmtId="0" fontId="10" fillId="0" borderId="77" xfId="0" applyFont="1" applyBorder="1" applyAlignment="1">
      <alignment horizontal="left" vertical="center" wrapText="1"/>
    </xf>
    <xf numFmtId="0" fontId="10" fillId="0" borderId="57" xfId="5" applyNumberFormat="1" applyFont="1" applyFill="1" applyBorder="1" applyAlignment="1">
      <alignment horizontal="left" vertical="center" wrapText="1"/>
    </xf>
    <xf numFmtId="0" fontId="10" fillId="0" borderId="39" xfId="5" applyNumberFormat="1" applyFont="1" applyFill="1" applyBorder="1" applyAlignment="1">
      <alignment horizontal="left" vertical="center" wrapText="1"/>
    </xf>
    <xf numFmtId="0" fontId="10" fillId="0" borderId="69" xfId="5" applyNumberFormat="1" applyFont="1" applyFill="1" applyBorder="1" applyAlignment="1">
      <alignment horizontal="left" vertical="center"/>
    </xf>
    <xf numFmtId="0" fontId="10" fillId="0" borderId="42" xfId="5" applyNumberFormat="1" applyFont="1" applyFill="1" applyBorder="1" applyAlignment="1">
      <alignment horizontal="left" vertical="center"/>
    </xf>
    <xf numFmtId="0" fontId="10" fillId="0" borderId="59" xfId="5" applyNumberFormat="1" applyFont="1" applyFill="1" applyBorder="1" applyAlignment="1">
      <alignment horizontal="left" vertical="center" wrapText="1"/>
    </xf>
    <xf numFmtId="0" fontId="10" fillId="0" borderId="60" xfId="5" applyNumberFormat="1" applyFont="1" applyFill="1" applyBorder="1" applyAlignment="1">
      <alignment horizontal="left" vertical="center" wrapText="1"/>
    </xf>
    <xf numFmtId="0" fontId="10" fillId="0" borderId="59" xfId="5" applyNumberFormat="1" applyFont="1" applyFill="1" applyBorder="1" applyAlignment="1">
      <alignment horizontal="left" vertical="center"/>
    </xf>
    <xf numFmtId="0" fontId="10" fillId="0" borderId="60" xfId="5" applyNumberFormat="1" applyFont="1" applyFill="1" applyBorder="1" applyAlignment="1">
      <alignment horizontal="left" vertical="center"/>
    </xf>
    <xf numFmtId="0" fontId="10" fillId="0" borderId="1" xfId="0" applyFont="1" applyBorder="1" applyAlignment="1">
      <alignment horizontal="left" vertical="center"/>
    </xf>
    <xf numFmtId="38" fontId="10" fillId="0" borderId="1" xfId="3" applyFont="1" applyBorder="1" applyAlignment="1">
      <alignment horizontal="left" vertical="center"/>
    </xf>
    <xf numFmtId="38" fontId="10" fillId="0" borderId="1" xfId="3" applyFont="1" applyFill="1" applyBorder="1" applyAlignment="1">
      <alignment horizontal="left" vertical="center"/>
    </xf>
    <xf numFmtId="0" fontId="10" fillId="0" borderId="1" xfId="0" applyFont="1" applyFill="1" applyBorder="1" applyAlignment="1">
      <alignment horizontal="left" vertical="center"/>
    </xf>
    <xf numFmtId="0" fontId="15" fillId="0" borderId="1" xfId="0" applyFont="1" applyBorder="1" applyAlignment="1">
      <alignment horizontal="center" vertical="center"/>
    </xf>
    <xf numFmtId="0" fontId="10" fillId="0" borderId="1" xfId="0" applyFont="1" applyBorder="1" applyAlignment="1">
      <alignment horizontal="center" vertical="center"/>
    </xf>
    <xf numFmtId="0" fontId="10" fillId="2" borderId="1" xfId="0" applyFont="1" applyFill="1" applyBorder="1" applyAlignment="1">
      <alignment horizontal="left" vertical="center"/>
    </xf>
    <xf numFmtId="0" fontId="15" fillId="0" borderId="1" xfId="0" applyFont="1" applyBorder="1" applyAlignment="1">
      <alignment horizontal="left" vertical="center"/>
    </xf>
    <xf numFmtId="38" fontId="10" fillId="2" borderId="1" xfId="3" applyFont="1" applyFill="1" applyBorder="1" applyAlignment="1">
      <alignment horizontal="left" vertical="center"/>
    </xf>
    <xf numFmtId="0" fontId="4" fillId="0" borderId="0" xfId="5" applyNumberFormat="1" applyFont="1" applyFill="1" applyBorder="1" applyAlignment="1">
      <alignment horizontal="left" wrapText="1"/>
    </xf>
    <xf numFmtId="0" fontId="20" fillId="0" borderId="0" xfId="5" applyNumberFormat="1" applyFont="1" applyFill="1" applyBorder="1" applyAlignment="1">
      <alignment horizontal="left" vertical="top" wrapText="1"/>
    </xf>
    <xf numFmtId="0" fontId="32" fillId="0" borderId="30" xfId="0" applyFont="1" applyFill="1" applyBorder="1" applyAlignment="1">
      <alignment horizontal="center" vertical="center"/>
    </xf>
    <xf numFmtId="0" fontId="32" fillId="0" borderId="25" xfId="0" applyFont="1" applyFill="1" applyBorder="1" applyAlignment="1">
      <alignment horizontal="center" vertical="center"/>
    </xf>
    <xf numFmtId="0" fontId="38" fillId="0" borderId="99" xfId="0" applyFont="1" applyFill="1" applyBorder="1" applyAlignment="1">
      <alignment horizontal="center" vertical="center"/>
    </xf>
    <xf numFmtId="0" fontId="38" fillId="0" borderId="26" xfId="0" applyFont="1" applyFill="1" applyBorder="1" applyAlignment="1">
      <alignment horizontal="center" vertical="center"/>
    </xf>
    <xf numFmtId="0" fontId="32" fillId="0" borderId="148" xfId="0" applyFont="1" applyFill="1" applyBorder="1" applyAlignment="1">
      <alignment horizontal="center" vertical="center"/>
    </xf>
    <xf numFmtId="0" fontId="32" fillId="0" borderId="112" xfId="0" applyFont="1" applyFill="1" applyBorder="1" applyAlignment="1">
      <alignment horizontal="center" vertical="center"/>
    </xf>
    <xf numFmtId="0" fontId="32" fillId="0" borderId="91" xfId="0" applyFont="1" applyFill="1" applyBorder="1" applyAlignment="1">
      <alignment horizontal="center" vertical="center"/>
    </xf>
    <xf numFmtId="0" fontId="32" fillId="0" borderId="42" xfId="0" applyFont="1" applyFill="1" applyBorder="1" applyAlignment="1">
      <alignment horizontal="center" vertical="center"/>
    </xf>
    <xf numFmtId="0" fontId="32" fillId="0" borderId="97" xfId="0" applyFont="1" applyFill="1" applyBorder="1" applyAlignment="1">
      <alignment horizontal="center" vertical="center"/>
    </xf>
    <xf numFmtId="0" fontId="32" fillId="0" borderId="110" xfId="0" applyFont="1" applyFill="1" applyBorder="1" applyAlignment="1">
      <alignment horizontal="center" vertical="center"/>
    </xf>
    <xf numFmtId="0" fontId="32" fillId="0" borderId="172" xfId="0" applyFont="1" applyFill="1" applyBorder="1" applyAlignment="1">
      <alignment horizontal="center" vertical="center"/>
    </xf>
    <xf numFmtId="0" fontId="32" fillId="0" borderId="173" xfId="0" applyFont="1" applyFill="1" applyBorder="1" applyAlignment="1">
      <alignment horizontal="center" vertical="center"/>
    </xf>
    <xf numFmtId="0" fontId="32" fillId="0" borderId="36" xfId="0" applyFont="1" applyFill="1" applyBorder="1" applyAlignment="1">
      <alignment horizontal="center" vertical="center"/>
    </xf>
    <xf numFmtId="0" fontId="32" fillId="0" borderId="16" xfId="0" applyFont="1" applyFill="1" applyBorder="1" applyAlignment="1">
      <alignment horizontal="center" vertical="center"/>
    </xf>
    <xf numFmtId="0" fontId="32" fillId="0" borderId="37" xfId="0" applyFont="1" applyFill="1" applyBorder="1" applyAlignment="1">
      <alignment horizontal="center" vertical="center"/>
    </xf>
    <xf numFmtId="0" fontId="32" fillId="0" borderId="127" xfId="0" applyFont="1" applyFill="1" applyBorder="1" applyAlignment="1">
      <alignment horizontal="center" vertical="center" wrapText="1"/>
    </xf>
    <xf numFmtId="0" fontId="32" fillId="0" borderId="25" xfId="0" applyFont="1" applyFill="1" applyBorder="1" applyAlignment="1">
      <alignment horizontal="center" vertical="center" wrapText="1"/>
    </xf>
    <xf numFmtId="0" fontId="34" fillId="0" borderId="127" xfId="0" applyFont="1" applyFill="1" applyBorder="1" applyAlignment="1">
      <alignment horizontal="center" vertical="center"/>
    </xf>
    <xf numFmtId="0" fontId="34" fillId="0" borderId="30" xfId="0" applyFont="1" applyFill="1" applyBorder="1" applyAlignment="1">
      <alignment horizontal="center" vertical="center"/>
    </xf>
    <xf numFmtId="0" fontId="34" fillId="0" borderId="128" xfId="0" applyFont="1" applyFill="1" applyBorder="1" applyAlignment="1">
      <alignment horizontal="center" vertical="center"/>
    </xf>
    <xf numFmtId="0" fontId="27" fillId="0" borderId="113" xfId="0" applyFont="1" applyBorder="1" applyAlignment="1">
      <alignment horizontal="center" vertical="center"/>
    </xf>
    <xf numFmtId="0" fontId="27" fillId="0" borderId="114" xfId="0" applyFont="1" applyBorder="1" applyAlignment="1">
      <alignment horizontal="center" vertical="center"/>
    </xf>
    <xf numFmtId="0" fontId="27" fillId="0" borderId="115" xfId="0" applyFont="1" applyBorder="1" applyAlignment="1">
      <alignment horizontal="center" vertical="center"/>
    </xf>
  </cellXfs>
  <cellStyles count="10">
    <cellStyle name="パーセント" xfId="4" builtinId="5"/>
    <cellStyle name="パーセント 2" xfId="7"/>
    <cellStyle name="パーセント 3" xfId="8"/>
    <cellStyle name="桁区切り" xfId="3" builtinId="6"/>
    <cellStyle name="標準" xfId="0" builtinId="0"/>
    <cellStyle name="標準 2" xfId="5"/>
    <cellStyle name="標準 2 2" xfId="1"/>
    <cellStyle name="標準 2 2 2" xfId="2"/>
    <cellStyle name="標準 2 4" xfId="6"/>
    <cellStyle name="標準 3" xfId="9"/>
  </cellStyles>
  <dxfs count="0"/>
  <tableStyles count="0" defaultTableStyle="TableStyleMedium2" defaultPivotStyle="PivotStyleLight16"/>
  <colors>
    <mruColors>
      <color rgb="FFFFFF00"/>
      <color rgb="FFD9D9D9"/>
      <color rgb="FFFF66FF"/>
      <color rgb="FF00FFFF"/>
      <color rgb="FFFFCC66"/>
      <color rgb="FF00FF00"/>
      <color rgb="FFFF6699"/>
      <color rgb="FF00CC99"/>
      <color rgb="FFFF9966"/>
      <color rgb="FF00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449036</xdr:colOff>
      <xdr:row>17</xdr:row>
      <xdr:rowOff>13607</xdr:rowOff>
    </xdr:from>
    <xdr:to>
      <xdr:col>1</xdr:col>
      <xdr:colOff>884464</xdr:colOff>
      <xdr:row>19</xdr:row>
      <xdr:rowOff>13607</xdr:rowOff>
    </xdr:to>
    <xdr:sp macro="" textlink="">
      <xdr:nvSpPr>
        <xdr:cNvPr id="2" name="下矢印 1"/>
        <xdr:cNvSpPr/>
      </xdr:nvSpPr>
      <xdr:spPr>
        <a:xfrm>
          <a:off x="1415143" y="7470321"/>
          <a:ext cx="435428" cy="762000"/>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647700</xdr:colOff>
      <xdr:row>13</xdr:row>
      <xdr:rowOff>9525</xdr:rowOff>
    </xdr:from>
    <xdr:to>
      <xdr:col>0</xdr:col>
      <xdr:colOff>904875</xdr:colOff>
      <xdr:row>14</xdr:row>
      <xdr:rowOff>9525</xdr:rowOff>
    </xdr:to>
    <xdr:sp macro="" textlink="">
      <xdr:nvSpPr>
        <xdr:cNvPr id="2" name="下矢印 1"/>
        <xdr:cNvSpPr/>
      </xdr:nvSpPr>
      <xdr:spPr>
        <a:xfrm>
          <a:off x="647700" y="4238625"/>
          <a:ext cx="257175" cy="352425"/>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714375</xdr:colOff>
      <xdr:row>12</xdr:row>
      <xdr:rowOff>246784</xdr:rowOff>
    </xdr:from>
    <xdr:to>
      <xdr:col>1</xdr:col>
      <xdr:colOff>523875</xdr:colOff>
      <xdr:row>13</xdr:row>
      <xdr:rowOff>18184</xdr:rowOff>
    </xdr:to>
    <xdr:sp macro="" textlink="">
      <xdr:nvSpPr>
        <xdr:cNvPr id="3" name="正方形/長方形 2"/>
        <xdr:cNvSpPr/>
      </xdr:nvSpPr>
      <xdr:spPr>
        <a:xfrm>
          <a:off x="714375" y="4507057"/>
          <a:ext cx="1498023" cy="126422"/>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523875</xdr:colOff>
      <xdr:row>12</xdr:row>
      <xdr:rowOff>17318</xdr:rowOff>
    </xdr:from>
    <xdr:to>
      <xdr:col>1</xdr:col>
      <xdr:colOff>657225</xdr:colOff>
      <xdr:row>13</xdr:row>
      <xdr:rowOff>26843</xdr:rowOff>
    </xdr:to>
    <xdr:sp macro="" textlink="">
      <xdr:nvSpPr>
        <xdr:cNvPr id="4" name="正方形/長方形 3"/>
        <xdr:cNvSpPr/>
      </xdr:nvSpPr>
      <xdr:spPr>
        <a:xfrm>
          <a:off x="2212398" y="4277591"/>
          <a:ext cx="133350" cy="364547"/>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B2:I36"/>
  <sheetViews>
    <sheetView view="pageBreakPreview" zoomScale="40" zoomScaleNormal="100" zoomScaleSheetLayoutView="40" workbookViewId="0">
      <selection activeCell="A2" sqref="A2"/>
    </sheetView>
  </sheetViews>
  <sheetFormatPr defaultColWidth="9" defaultRowHeight="30.75" x14ac:dyDescent="0.15"/>
  <cols>
    <col min="1" max="1" width="12.5" style="46" customWidth="1"/>
    <col min="2" max="2" width="76.75" style="46" customWidth="1"/>
    <col min="3" max="3" width="25.625" style="46" customWidth="1"/>
    <col min="4" max="4" width="24.125" style="46" customWidth="1"/>
    <col min="5" max="6" width="20.625" style="46" customWidth="1"/>
    <col min="7" max="7" width="76.625" style="46" customWidth="1"/>
    <col min="8" max="8" width="25.625" style="46" customWidth="1"/>
    <col min="9" max="9" width="23.75" style="46" customWidth="1"/>
    <col min="10" max="10" width="24.5" style="46" customWidth="1"/>
    <col min="11" max="11" width="56.25" style="46" bestFit="1" customWidth="1"/>
    <col min="12" max="12" width="25.25" style="46" bestFit="1" customWidth="1"/>
    <col min="13" max="13" width="40.125" style="46" bestFit="1" customWidth="1"/>
    <col min="14" max="14" width="10.125" style="46" bestFit="1" customWidth="1"/>
    <col min="15" max="15" width="30.625" style="46" customWidth="1"/>
    <col min="16" max="22" width="16.625" style="46" customWidth="1"/>
    <col min="23" max="16384" width="9" style="46"/>
  </cols>
  <sheetData>
    <row r="2" spans="2:9" ht="60" customHeight="1" x14ac:dyDescent="0.15">
      <c r="B2" s="53" t="s">
        <v>240</v>
      </c>
      <c r="D2" s="44" t="s">
        <v>308</v>
      </c>
      <c r="E2" s="45">
        <v>463</v>
      </c>
      <c r="G2" s="53" t="s">
        <v>243</v>
      </c>
    </row>
    <row r="3" spans="2:9" ht="80.099999999999994" customHeight="1" x14ac:dyDescent="0.15">
      <c r="B3" s="47" t="s">
        <v>52</v>
      </c>
      <c r="C3" s="24" t="s">
        <v>41</v>
      </c>
      <c r="D3" s="106" t="s">
        <v>319</v>
      </c>
      <c r="E3" s="48"/>
      <c r="G3" s="46" t="s">
        <v>256</v>
      </c>
      <c r="I3" s="45" t="s">
        <v>314</v>
      </c>
    </row>
    <row r="4" spans="2:9" ht="70.150000000000006" customHeight="1" x14ac:dyDescent="0.15">
      <c r="B4" s="50" t="s">
        <v>43</v>
      </c>
      <c r="C4" s="50">
        <v>1</v>
      </c>
      <c r="D4" s="121">
        <v>0.21598272138228944</v>
      </c>
      <c r="G4" s="47" t="s">
        <v>72</v>
      </c>
      <c r="H4" s="24" t="s">
        <v>41</v>
      </c>
      <c r="I4" s="106" t="s">
        <v>319</v>
      </c>
    </row>
    <row r="5" spans="2:9" ht="70.150000000000006" customHeight="1" x14ac:dyDescent="0.15">
      <c r="B5" s="50" t="s">
        <v>44</v>
      </c>
      <c r="C5" s="50">
        <v>2</v>
      </c>
      <c r="D5" s="122">
        <v>0.43196544276457888</v>
      </c>
      <c r="G5" s="58" t="s">
        <v>228</v>
      </c>
      <c r="H5" s="50">
        <v>26</v>
      </c>
      <c r="I5" s="122">
        <v>6.18</v>
      </c>
    </row>
    <row r="6" spans="2:9" ht="70.150000000000006" customHeight="1" x14ac:dyDescent="0.15">
      <c r="B6" s="52" t="s">
        <v>45</v>
      </c>
      <c r="C6" s="50">
        <v>2</v>
      </c>
      <c r="D6" s="122">
        <v>0.43196544276457888</v>
      </c>
      <c r="G6" s="58" t="s">
        <v>73</v>
      </c>
      <c r="H6" s="50">
        <v>20</v>
      </c>
      <c r="I6" s="122">
        <v>4.75</v>
      </c>
    </row>
    <row r="7" spans="2:9" ht="70.150000000000006" customHeight="1" x14ac:dyDescent="0.15">
      <c r="B7" s="50" t="s">
        <v>46</v>
      </c>
      <c r="C7" s="50">
        <v>34</v>
      </c>
      <c r="D7" s="122">
        <v>7.3434125269978408</v>
      </c>
      <c r="G7" s="59" t="s">
        <v>249</v>
      </c>
      <c r="H7" s="50">
        <v>32</v>
      </c>
      <c r="I7" s="122">
        <v>7.6</v>
      </c>
    </row>
    <row r="8" spans="2:9" ht="70.150000000000006" customHeight="1" x14ac:dyDescent="0.15">
      <c r="B8" s="50" t="s">
        <v>47</v>
      </c>
      <c r="C8" s="50">
        <v>97</v>
      </c>
      <c r="D8" s="122">
        <v>20.950323974082075</v>
      </c>
      <c r="G8" s="59" t="s">
        <v>250</v>
      </c>
      <c r="H8" s="50">
        <v>99</v>
      </c>
      <c r="I8" s="122">
        <v>23.52</v>
      </c>
    </row>
    <row r="9" spans="2:9" ht="70.150000000000006" customHeight="1" x14ac:dyDescent="0.15">
      <c r="B9" s="50" t="s">
        <v>48</v>
      </c>
      <c r="C9" s="50">
        <v>41</v>
      </c>
      <c r="D9" s="122">
        <v>8.8552915766738654</v>
      </c>
      <c r="G9" s="59" t="s">
        <v>251</v>
      </c>
      <c r="H9" s="50">
        <v>76</v>
      </c>
      <c r="I9" s="122">
        <v>18.05</v>
      </c>
    </row>
    <row r="10" spans="2:9" ht="70.150000000000006" customHeight="1" x14ac:dyDescent="0.15">
      <c r="B10" s="50" t="s">
        <v>49</v>
      </c>
      <c r="C10" s="50">
        <v>10</v>
      </c>
      <c r="D10" s="122">
        <v>2.159827213822894</v>
      </c>
      <c r="G10" s="66" t="s">
        <v>252</v>
      </c>
      <c r="H10" s="50">
        <v>60</v>
      </c>
      <c r="I10" s="122">
        <v>14.249999999999998</v>
      </c>
    </row>
    <row r="11" spans="2:9" ht="70.150000000000006" customHeight="1" x14ac:dyDescent="0.15">
      <c r="B11" s="50" t="s">
        <v>50</v>
      </c>
      <c r="C11" s="50">
        <v>255</v>
      </c>
      <c r="D11" s="122">
        <v>55.0755939524838</v>
      </c>
      <c r="G11" s="66" t="s">
        <v>253</v>
      </c>
      <c r="H11" s="50">
        <v>39</v>
      </c>
      <c r="I11" s="122">
        <v>9.26</v>
      </c>
    </row>
    <row r="12" spans="2:9" ht="70.150000000000006" customHeight="1" x14ac:dyDescent="0.15">
      <c r="B12" s="50" t="s">
        <v>51</v>
      </c>
      <c r="C12" s="50">
        <v>2</v>
      </c>
      <c r="D12" s="122">
        <v>0.43196544276457888</v>
      </c>
      <c r="G12" s="66" t="s">
        <v>317</v>
      </c>
      <c r="H12" s="50">
        <v>69</v>
      </c>
      <c r="I12" s="122">
        <v>16.39</v>
      </c>
    </row>
    <row r="13" spans="2:9" ht="70.150000000000006" customHeight="1" x14ac:dyDescent="0.15">
      <c r="B13" s="50" t="s">
        <v>37</v>
      </c>
      <c r="C13" s="50">
        <v>19</v>
      </c>
      <c r="D13" s="122">
        <v>4.1036717062634986</v>
      </c>
      <c r="G13" s="45" t="s">
        <v>229</v>
      </c>
      <c r="H13"/>
      <c r="I13"/>
    </row>
    <row r="14" spans="2:9" ht="70.150000000000006" customHeight="1" x14ac:dyDescent="0.15">
      <c r="G14" s="46" t="s">
        <v>257</v>
      </c>
      <c r="H14"/>
      <c r="I14" s="67" t="s">
        <v>315</v>
      </c>
    </row>
    <row r="15" spans="2:9" ht="70.150000000000006" customHeight="1" x14ac:dyDescent="0.15">
      <c r="B15" s="53" t="s">
        <v>242</v>
      </c>
      <c r="C15" s="20" t="s">
        <v>64</v>
      </c>
      <c r="D15" s="44" t="s">
        <v>308</v>
      </c>
      <c r="E15" s="45">
        <v>463</v>
      </c>
      <c r="G15" s="47" t="s">
        <v>72</v>
      </c>
      <c r="H15" s="24" t="s">
        <v>41</v>
      </c>
      <c r="I15" s="47" t="s">
        <v>2</v>
      </c>
    </row>
    <row r="16" spans="2:9" ht="80.099999999999994" customHeight="1" x14ac:dyDescent="0.15">
      <c r="B16" s="47" t="s">
        <v>65</v>
      </c>
      <c r="C16" s="43" t="s">
        <v>320</v>
      </c>
      <c r="D16" s="107" t="s">
        <v>321</v>
      </c>
      <c r="E16" s="49"/>
      <c r="G16" s="58" t="s">
        <v>228</v>
      </c>
      <c r="H16" s="50">
        <v>13</v>
      </c>
      <c r="I16" s="122">
        <v>5.0583657587548636</v>
      </c>
    </row>
    <row r="17" spans="2:9" ht="70.150000000000006" customHeight="1" x14ac:dyDescent="0.15">
      <c r="B17" s="50" t="s">
        <v>66</v>
      </c>
      <c r="C17" s="50">
        <v>388</v>
      </c>
      <c r="D17" s="122">
        <v>83.801295896328298</v>
      </c>
      <c r="G17" s="58" t="s">
        <v>73</v>
      </c>
      <c r="H17" s="50">
        <v>9</v>
      </c>
      <c r="I17" s="122">
        <v>3.5019455252918288</v>
      </c>
    </row>
    <row r="18" spans="2:9" ht="70.150000000000006" customHeight="1" x14ac:dyDescent="0.15">
      <c r="B18" s="50" t="s">
        <v>67</v>
      </c>
      <c r="C18" s="50">
        <v>367</v>
      </c>
      <c r="D18" s="122">
        <v>79.265658747300222</v>
      </c>
      <c r="G18" s="59" t="s">
        <v>323</v>
      </c>
      <c r="H18" s="50">
        <v>10</v>
      </c>
      <c r="I18" s="122">
        <v>3.8910505836575875</v>
      </c>
    </row>
    <row r="19" spans="2:9" ht="70.150000000000006" customHeight="1" x14ac:dyDescent="0.15">
      <c r="B19" s="50" t="s">
        <v>68</v>
      </c>
      <c r="C19" s="50">
        <v>159</v>
      </c>
      <c r="D19" s="122">
        <v>34.341252699784022</v>
      </c>
      <c r="G19" s="59" t="s">
        <v>250</v>
      </c>
      <c r="H19" s="50">
        <v>44</v>
      </c>
      <c r="I19" s="122">
        <v>17.120622568093385</v>
      </c>
    </row>
    <row r="20" spans="2:9" ht="70.150000000000006" customHeight="1" x14ac:dyDescent="0.15">
      <c r="B20" s="50" t="s">
        <v>69</v>
      </c>
      <c r="C20" s="50">
        <v>385</v>
      </c>
      <c r="D20" s="122">
        <v>83.15334773218143</v>
      </c>
      <c r="G20" s="59" t="s">
        <v>251</v>
      </c>
      <c r="H20" s="50">
        <v>43</v>
      </c>
      <c r="I20" s="122">
        <v>16.731517509727624</v>
      </c>
    </row>
    <row r="21" spans="2:9" ht="70.150000000000006" customHeight="1" x14ac:dyDescent="0.15">
      <c r="B21" s="50" t="s">
        <v>70</v>
      </c>
      <c r="C21" s="50">
        <v>43</v>
      </c>
      <c r="D21" s="122">
        <v>9.2872570194384458</v>
      </c>
      <c r="G21" s="66" t="s">
        <v>252</v>
      </c>
      <c r="H21" s="50">
        <v>40</v>
      </c>
      <c r="I21" s="122">
        <v>15.56420233463035</v>
      </c>
    </row>
    <row r="22" spans="2:9" ht="70.150000000000006" customHeight="1" x14ac:dyDescent="0.15">
      <c r="B22" s="50" t="s">
        <v>71</v>
      </c>
      <c r="C22" s="50">
        <v>384</v>
      </c>
      <c r="D22" s="122">
        <v>82.937365010799141</v>
      </c>
      <c r="G22" s="66" t="s">
        <v>253</v>
      </c>
      <c r="H22" s="50">
        <v>33</v>
      </c>
      <c r="I22" s="122">
        <v>12.840466926070038</v>
      </c>
    </row>
    <row r="23" spans="2:9" ht="70.150000000000006" customHeight="1" x14ac:dyDescent="0.15">
      <c r="C23" s="51"/>
      <c r="D23" s="51"/>
      <c r="E23" s="51"/>
      <c r="G23" s="66" t="s">
        <v>318</v>
      </c>
      <c r="H23" s="50">
        <v>65</v>
      </c>
      <c r="I23" s="122">
        <v>25.291828793774318</v>
      </c>
    </row>
    <row r="24" spans="2:9" ht="70.150000000000006" customHeight="1" x14ac:dyDescent="0.15">
      <c r="B24" s="53" t="s">
        <v>241</v>
      </c>
      <c r="C24" s="20" t="s">
        <v>64</v>
      </c>
      <c r="D24" s="44" t="s">
        <v>308</v>
      </c>
      <c r="E24" s="45">
        <v>463</v>
      </c>
      <c r="G24" s="46" t="s">
        <v>254</v>
      </c>
    </row>
    <row r="25" spans="2:9" ht="70.150000000000006" customHeight="1" x14ac:dyDescent="0.15">
      <c r="B25" s="47" t="s">
        <v>53</v>
      </c>
      <c r="C25" s="43" t="s">
        <v>320</v>
      </c>
      <c r="D25" s="107" t="s">
        <v>321</v>
      </c>
      <c r="E25" s="49"/>
      <c r="G25" s="51" t="s">
        <v>258</v>
      </c>
      <c r="H25" s="51"/>
      <c r="I25" s="51" t="s">
        <v>316</v>
      </c>
    </row>
    <row r="26" spans="2:9" ht="70.150000000000006" customHeight="1" x14ac:dyDescent="0.15">
      <c r="B26" s="50" t="s">
        <v>54</v>
      </c>
      <c r="C26" s="50">
        <v>402</v>
      </c>
      <c r="D26" s="122">
        <v>86.825053995680349</v>
      </c>
      <c r="G26" s="47" t="s">
        <v>72</v>
      </c>
      <c r="H26" s="24" t="s">
        <v>41</v>
      </c>
      <c r="I26" s="47" t="s">
        <v>2</v>
      </c>
    </row>
    <row r="27" spans="2:9" ht="70.150000000000006" customHeight="1" x14ac:dyDescent="0.15">
      <c r="B27" s="50" t="s">
        <v>55</v>
      </c>
      <c r="C27" s="50">
        <v>196</v>
      </c>
      <c r="D27" s="122">
        <v>42.332613390928728</v>
      </c>
      <c r="G27" s="58" t="s">
        <v>228</v>
      </c>
      <c r="H27" s="50">
        <v>13</v>
      </c>
      <c r="I27" s="122">
        <v>7.9268292682926829</v>
      </c>
    </row>
    <row r="28" spans="2:9" ht="70.150000000000006" customHeight="1" x14ac:dyDescent="0.15">
      <c r="B28" s="50" t="s">
        <v>56</v>
      </c>
      <c r="C28" s="50">
        <v>20</v>
      </c>
      <c r="D28" s="122">
        <v>4.319654427645788</v>
      </c>
      <c r="G28" s="58" t="s">
        <v>73</v>
      </c>
      <c r="H28" s="50">
        <v>11</v>
      </c>
      <c r="I28" s="122">
        <v>6.7073170731707323</v>
      </c>
    </row>
    <row r="29" spans="2:9" ht="70.150000000000006" customHeight="1" x14ac:dyDescent="0.15">
      <c r="B29" s="50" t="s">
        <v>57</v>
      </c>
      <c r="C29" s="50">
        <v>18</v>
      </c>
      <c r="D29" s="122">
        <v>3.8876889848812093</v>
      </c>
      <c r="G29" s="59" t="s">
        <v>322</v>
      </c>
      <c r="H29" s="50">
        <v>22</v>
      </c>
      <c r="I29" s="122">
        <v>13.414634146341465</v>
      </c>
    </row>
    <row r="30" spans="2:9" ht="70.150000000000006" customHeight="1" x14ac:dyDescent="0.15">
      <c r="B30" s="50" t="s">
        <v>58</v>
      </c>
      <c r="C30" s="50">
        <v>19</v>
      </c>
      <c r="D30" s="122">
        <v>4.1036717062634986</v>
      </c>
      <c r="G30" s="59" t="s">
        <v>250</v>
      </c>
      <c r="H30" s="50">
        <v>55</v>
      </c>
      <c r="I30" s="122">
        <v>33.536585365853661</v>
      </c>
    </row>
    <row r="31" spans="2:9" ht="70.150000000000006" customHeight="1" x14ac:dyDescent="0.15">
      <c r="B31" s="50" t="s">
        <v>59</v>
      </c>
      <c r="C31" s="50">
        <v>2</v>
      </c>
      <c r="D31" s="122">
        <v>0.43196544276457888</v>
      </c>
      <c r="G31" s="59" t="s">
        <v>251</v>
      </c>
      <c r="H31" s="50">
        <v>33</v>
      </c>
      <c r="I31" s="122">
        <v>20.121951219512198</v>
      </c>
    </row>
    <row r="32" spans="2:9" ht="70.150000000000006" customHeight="1" x14ac:dyDescent="0.15">
      <c r="B32" s="50" t="s">
        <v>60</v>
      </c>
      <c r="C32" s="50">
        <v>269</v>
      </c>
      <c r="D32" s="122">
        <v>58.099352051835851</v>
      </c>
      <c r="G32" s="66" t="s">
        <v>252</v>
      </c>
      <c r="H32" s="50">
        <v>20</v>
      </c>
      <c r="I32" s="122">
        <v>12.195121951219512</v>
      </c>
    </row>
    <row r="33" spans="2:9" ht="70.150000000000006" customHeight="1" x14ac:dyDescent="0.15">
      <c r="B33" s="50" t="s">
        <v>61</v>
      </c>
      <c r="C33" s="50">
        <v>221</v>
      </c>
      <c r="D33" s="122">
        <v>47.732181425485962</v>
      </c>
      <c r="G33" s="66" t="s">
        <v>253</v>
      </c>
      <c r="H33" s="50">
        <v>6</v>
      </c>
      <c r="I33" s="122">
        <v>3.6585365853658534</v>
      </c>
    </row>
    <row r="34" spans="2:9" ht="70.150000000000006" customHeight="1" x14ac:dyDescent="0.15">
      <c r="B34" s="50" t="s">
        <v>62</v>
      </c>
      <c r="C34" s="50">
        <v>294</v>
      </c>
      <c r="D34" s="122">
        <v>63.498920086393085</v>
      </c>
      <c r="G34" s="66" t="s">
        <v>318</v>
      </c>
      <c r="H34" s="50">
        <v>4</v>
      </c>
      <c r="I34" s="122">
        <v>2.4390243902439024</v>
      </c>
    </row>
    <row r="35" spans="2:9" ht="70.150000000000006" customHeight="1" x14ac:dyDescent="0.15">
      <c r="B35" s="50" t="s">
        <v>63</v>
      </c>
      <c r="C35" s="50">
        <v>279</v>
      </c>
      <c r="D35" s="122">
        <v>60.259179265658744</v>
      </c>
      <c r="G35" s="46" t="s">
        <v>255</v>
      </c>
    </row>
    <row r="36" spans="2:9" ht="70.150000000000006" customHeight="1" x14ac:dyDescent="0.15"/>
  </sheetData>
  <phoneticPr fontId="1"/>
  <printOptions horizontalCentered="1" verticalCentered="1"/>
  <pageMargins left="0.31496062992125984" right="0.31496062992125984" top="0.35433070866141736" bottom="0.35433070866141736" header="0.31496062992125984" footer="0.31496062992125984"/>
  <pageSetup paperSize="9" scale="28" orientation="portrait" r:id="rId1"/>
  <colBreaks count="1" manualBreakCount="1">
    <brk id="11"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51"/>
  <sheetViews>
    <sheetView view="pageBreakPreview" zoomScale="80" zoomScaleNormal="85" zoomScaleSheetLayoutView="80" workbookViewId="0"/>
  </sheetViews>
  <sheetFormatPr defaultColWidth="10.625" defaultRowHeight="20.100000000000001" customHeight="1" x14ac:dyDescent="0.15"/>
  <cols>
    <col min="1" max="1" width="2.75" style="179" customWidth="1"/>
    <col min="2" max="15" width="14.625" style="179" customWidth="1"/>
    <col min="16" max="16384" width="10.625" style="179"/>
  </cols>
  <sheetData>
    <row r="1" spans="1:11" ht="20.100000000000001" customHeight="1" x14ac:dyDescent="0.15">
      <c r="A1" s="170" t="s">
        <v>489</v>
      </c>
    </row>
    <row r="2" spans="1:11" ht="15" customHeight="1" x14ac:dyDescent="0.15">
      <c r="B2" s="188"/>
      <c r="C2" s="188"/>
      <c r="D2" s="177"/>
      <c r="E2" s="177"/>
      <c r="F2" s="177"/>
      <c r="G2" s="178"/>
      <c r="H2" s="178"/>
      <c r="I2" s="177"/>
    </row>
    <row r="3" spans="1:11" ht="20.100000000000001" customHeight="1" thickBot="1" x14ac:dyDescent="0.2">
      <c r="B3" s="171" t="s">
        <v>586</v>
      </c>
      <c r="C3" s="171"/>
      <c r="D3" s="171"/>
      <c r="E3" s="171"/>
      <c r="F3" s="171"/>
    </row>
    <row r="4" spans="1:11" ht="20.100000000000001" customHeight="1" thickBot="1" x14ac:dyDescent="0.2">
      <c r="B4" s="428"/>
      <c r="C4" s="429" t="s">
        <v>21</v>
      </c>
      <c r="D4" s="413" t="s">
        <v>20</v>
      </c>
      <c r="E4" s="413" t="s">
        <v>19</v>
      </c>
      <c r="F4" s="412" t="s">
        <v>18</v>
      </c>
      <c r="G4" s="174" t="s">
        <v>17</v>
      </c>
    </row>
    <row r="5" spans="1:11" ht="20.100000000000001" customHeight="1" thickTop="1" thickBot="1" x14ac:dyDescent="0.2">
      <c r="B5" s="430" t="s">
        <v>417</v>
      </c>
      <c r="C5" s="431">
        <v>0</v>
      </c>
      <c r="D5" s="247">
        <v>0</v>
      </c>
      <c r="E5" s="247">
        <v>12</v>
      </c>
      <c r="F5" s="318">
        <v>0</v>
      </c>
      <c r="G5" s="265">
        <v>12</v>
      </c>
    </row>
    <row r="6" spans="1:11" ht="15" customHeight="1" x14ac:dyDescent="0.15">
      <c r="B6" s="188"/>
      <c r="C6" s="188"/>
      <c r="D6" s="177"/>
      <c r="E6" s="177"/>
      <c r="F6" s="177"/>
      <c r="G6" s="178"/>
      <c r="H6" s="178"/>
      <c r="I6" s="177"/>
    </row>
    <row r="7" spans="1:11" ht="20.100000000000001" customHeight="1" thickBot="1" x14ac:dyDescent="0.2">
      <c r="B7" s="178" t="s">
        <v>587</v>
      </c>
      <c r="C7" s="171"/>
      <c r="D7" s="222" t="s">
        <v>566</v>
      </c>
      <c r="E7" s="266"/>
    </row>
    <row r="8" spans="1:11" ht="20.100000000000001" customHeight="1" thickBot="1" x14ac:dyDescent="0.2">
      <c r="B8" s="432"/>
      <c r="C8" s="429" t="s">
        <v>511</v>
      </c>
      <c r="D8" s="174" t="s">
        <v>512</v>
      </c>
    </row>
    <row r="9" spans="1:11" ht="20.100000000000001" customHeight="1" thickTop="1" x14ac:dyDescent="0.15">
      <c r="B9" s="433" t="s">
        <v>1</v>
      </c>
      <c r="C9" s="434">
        <v>117</v>
      </c>
      <c r="D9" s="172">
        <v>428</v>
      </c>
      <c r="E9" s="195"/>
    </row>
    <row r="10" spans="1:11" ht="20.100000000000001" customHeight="1" thickBot="1" x14ac:dyDescent="0.2">
      <c r="B10" s="435" t="s">
        <v>2</v>
      </c>
      <c r="C10" s="620">
        <v>0.21467889908256882</v>
      </c>
      <c r="D10" s="574">
        <v>0.78532110091743124</v>
      </c>
      <c r="E10" s="177"/>
    </row>
    <row r="11" spans="1:11" ht="15" customHeight="1" x14ac:dyDescent="0.15">
      <c r="B11" s="188"/>
      <c r="C11" s="188"/>
      <c r="D11" s="177"/>
      <c r="E11" s="177"/>
      <c r="F11" s="177"/>
      <c r="G11" s="178"/>
      <c r="H11" s="178"/>
      <c r="I11" s="177"/>
    </row>
    <row r="12" spans="1:11" ht="20.100000000000001" customHeight="1" x14ac:dyDescent="0.15">
      <c r="A12" s="180" t="s">
        <v>585</v>
      </c>
      <c r="C12" s="178"/>
      <c r="D12" s="268"/>
      <c r="E12" s="178"/>
      <c r="G12" s="319"/>
      <c r="K12" s="319"/>
    </row>
    <row r="13" spans="1:11" ht="15" customHeight="1" x14ac:dyDescent="0.15">
      <c r="B13" s="188"/>
      <c r="C13" s="188"/>
      <c r="D13" s="177"/>
      <c r="E13" s="177"/>
      <c r="F13" s="177"/>
      <c r="G13" s="178"/>
      <c r="H13" s="178"/>
      <c r="I13" s="177"/>
    </row>
    <row r="14" spans="1:11" ht="20.100000000000001" customHeight="1" thickBot="1" x14ac:dyDescent="0.2">
      <c r="B14" s="178" t="s">
        <v>562</v>
      </c>
      <c r="C14" s="178"/>
      <c r="D14" s="268"/>
      <c r="E14" s="178"/>
      <c r="G14" s="179" t="s">
        <v>464</v>
      </c>
      <c r="H14" s="222" t="s">
        <v>566</v>
      </c>
    </row>
    <row r="15" spans="1:11" ht="20.100000000000001" customHeight="1" x14ac:dyDescent="0.15">
      <c r="B15" s="757"/>
      <c r="C15" s="759" t="s">
        <v>486</v>
      </c>
      <c r="D15" s="761" t="s">
        <v>485</v>
      </c>
      <c r="E15" s="761" t="s">
        <v>513</v>
      </c>
      <c r="F15" s="761"/>
      <c r="G15" s="761"/>
      <c r="H15" s="763"/>
    </row>
    <row r="16" spans="1:11" ht="20.100000000000001" customHeight="1" thickBot="1" x14ac:dyDescent="0.2">
      <c r="B16" s="758"/>
      <c r="C16" s="760"/>
      <c r="D16" s="762"/>
      <c r="E16" s="455" t="s">
        <v>448</v>
      </c>
      <c r="F16" s="455" t="s">
        <v>449</v>
      </c>
      <c r="G16" s="436" t="s">
        <v>450</v>
      </c>
      <c r="H16" s="405" t="s">
        <v>387</v>
      </c>
    </row>
    <row r="17" spans="1:26" ht="20.100000000000001" customHeight="1" thickTop="1" x14ac:dyDescent="0.15">
      <c r="B17" s="433" t="s">
        <v>514</v>
      </c>
      <c r="C17" s="437">
        <v>315</v>
      </c>
      <c r="D17" s="243">
        <v>230</v>
      </c>
      <c r="E17" s="243">
        <v>15</v>
      </c>
      <c r="F17" s="243">
        <v>181</v>
      </c>
      <c r="G17" s="458">
        <v>107</v>
      </c>
      <c r="H17" s="459">
        <v>7</v>
      </c>
    </row>
    <row r="18" spans="1:26" ht="20.100000000000001" customHeight="1" thickBot="1" x14ac:dyDescent="0.2">
      <c r="B18" s="438" t="s">
        <v>515</v>
      </c>
      <c r="C18" s="439">
        <v>362</v>
      </c>
      <c r="D18" s="384">
        <v>183</v>
      </c>
      <c r="E18" s="384">
        <v>9</v>
      </c>
      <c r="F18" s="384">
        <v>145</v>
      </c>
      <c r="G18" s="269">
        <v>103</v>
      </c>
      <c r="H18" s="440">
        <v>8</v>
      </c>
    </row>
    <row r="19" spans="1:26" ht="15" customHeight="1" x14ac:dyDescent="0.15">
      <c r="B19" s="188"/>
      <c r="C19" s="188"/>
      <c r="D19" s="177"/>
      <c r="E19" s="177"/>
      <c r="F19" s="177"/>
      <c r="G19" s="178"/>
      <c r="H19" s="178"/>
      <c r="I19" s="177"/>
    </row>
    <row r="20" spans="1:26" ht="20.100000000000001" customHeight="1" x14ac:dyDescent="0.15">
      <c r="A20" s="170" t="s">
        <v>490</v>
      </c>
      <c r="D20" s="170"/>
      <c r="E20" s="170"/>
      <c r="F20" s="170"/>
      <c r="G20" s="170"/>
      <c r="H20" s="170"/>
      <c r="I20" s="171"/>
      <c r="J20" s="171"/>
    </row>
    <row r="21" spans="1:26" ht="15" customHeight="1" x14ac:dyDescent="0.15">
      <c r="B21" s="188"/>
      <c r="C21" s="188"/>
      <c r="D21" s="177"/>
      <c r="E21" s="177"/>
      <c r="F21" s="177"/>
      <c r="G21" s="178"/>
      <c r="H21" s="178"/>
      <c r="I21" s="177"/>
    </row>
    <row r="22" spans="1:26" ht="20.100000000000001" customHeight="1" thickBot="1" x14ac:dyDescent="0.2">
      <c r="B22" s="534" t="s">
        <v>588</v>
      </c>
      <c r="C22" s="535"/>
      <c r="D22" s="270"/>
      <c r="E22" s="270"/>
      <c r="F22" s="536" t="s">
        <v>589</v>
      </c>
      <c r="G22" s="270"/>
      <c r="H22" s="537"/>
      <c r="I22" s="270"/>
      <c r="J22" s="270"/>
      <c r="L22" s="270"/>
      <c r="P22" s="270"/>
      <c r="Q22" s="270"/>
      <c r="R22" s="270"/>
      <c r="S22" s="270"/>
      <c r="T22" s="270"/>
      <c r="U22" s="270"/>
      <c r="V22" s="270"/>
      <c r="W22" s="270"/>
      <c r="X22" s="270"/>
      <c r="Y22" s="270"/>
      <c r="Z22" s="222"/>
    </row>
    <row r="23" spans="1:26" ht="20.100000000000001" customHeight="1" thickBot="1" x14ac:dyDescent="0.2">
      <c r="B23" s="764" t="s">
        <v>80</v>
      </c>
      <c r="C23" s="765"/>
      <c r="D23" s="538" t="s">
        <v>417</v>
      </c>
      <c r="E23" s="267"/>
      <c r="F23" s="667" t="s">
        <v>80</v>
      </c>
      <c r="G23" s="750"/>
      <c r="H23" s="174" t="s">
        <v>417</v>
      </c>
      <c r="I23" s="667" t="s">
        <v>80</v>
      </c>
      <c r="J23" s="750"/>
      <c r="K23" s="174" t="s">
        <v>417</v>
      </c>
    </row>
    <row r="24" spans="1:26" ht="20.100000000000001" customHeight="1" thickTop="1" x14ac:dyDescent="0.15">
      <c r="B24" s="196" t="s">
        <v>379</v>
      </c>
      <c r="C24" s="539"/>
      <c r="D24" s="172">
        <v>49</v>
      </c>
      <c r="E24" s="177"/>
      <c r="F24" s="196" t="s">
        <v>382</v>
      </c>
      <c r="G24" s="539"/>
      <c r="H24" s="172">
        <v>41</v>
      </c>
      <c r="I24" s="198" t="s">
        <v>385</v>
      </c>
      <c r="J24" s="540"/>
      <c r="K24" s="173">
        <v>1</v>
      </c>
    </row>
    <row r="25" spans="1:26" ht="20.100000000000001" customHeight="1" x14ac:dyDescent="0.15">
      <c r="B25" s="198" t="s">
        <v>380</v>
      </c>
      <c r="C25" s="540"/>
      <c r="D25" s="173">
        <v>5</v>
      </c>
      <c r="E25" s="177"/>
      <c r="F25" s="198" t="s">
        <v>383</v>
      </c>
      <c r="G25" s="540"/>
      <c r="H25" s="173">
        <v>30</v>
      </c>
      <c r="I25" s="391" t="s">
        <v>516</v>
      </c>
      <c r="J25" s="541"/>
      <c r="K25" s="173">
        <v>1</v>
      </c>
    </row>
    <row r="26" spans="1:26" ht="20.100000000000001" customHeight="1" x14ac:dyDescent="0.15">
      <c r="B26" s="198" t="s">
        <v>381</v>
      </c>
      <c r="C26" s="540"/>
      <c r="D26" s="173">
        <v>2</v>
      </c>
      <c r="E26" s="177"/>
      <c r="F26" s="391" t="s">
        <v>494</v>
      </c>
      <c r="G26" s="541"/>
      <c r="H26" s="173">
        <v>7</v>
      </c>
      <c r="I26" s="198" t="s">
        <v>518</v>
      </c>
      <c r="J26" s="540"/>
      <c r="K26" s="173">
        <v>1</v>
      </c>
    </row>
    <row r="27" spans="1:26" ht="20.100000000000001" customHeight="1" thickBot="1" x14ac:dyDescent="0.2">
      <c r="B27" s="542" t="s">
        <v>531</v>
      </c>
      <c r="C27" s="543"/>
      <c r="D27" s="381">
        <v>1</v>
      </c>
      <c r="E27" s="177"/>
      <c r="F27" s="391" t="s">
        <v>384</v>
      </c>
      <c r="G27" s="541"/>
      <c r="H27" s="173">
        <v>7</v>
      </c>
      <c r="I27" s="198" t="s">
        <v>519</v>
      </c>
      <c r="J27" s="540"/>
      <c r="K27" s="173">
        <v>1</v>
      </c>
    </row>
    <row r="28" spans="1:26" ht="20.100000000000001" customHeight="1" thickTop="1" thickBot="1" x14ac:dyDescent="0.2">
      <c r="B28" s="753" t="s">
        <v>17</v>
      </c>
      <c r="C28" s="754"/>
      <c r="D28" s="544">
        <v>57</v>
      </c>
      <c r="E28" s="177"/>
      <c r="F28" s="198" t="s">
        <v>496</v>
      </c>
      <c r="G28" s="540"/>
      <c r="H28" s="173">
        <v>3</v>
      </c>
      <c r="I28" s="545" t="s">
        <v>495</v>
      </c>
      <c r="J28" s="546"/>
      <c r="K28" s="547">
        <v>1</v>
      </c>
    </row>
    <row r="29" spans="1:26" ht="20.100000000000001" customHeight="1" thickTop="1" thickBot="1" x14ac:dyDescent="0.2">
      <c r="B29" s="755" t="s">
        <v>520</v>
      </c>
      <c r="C29" s="756"/>
      <c r="D29" s="172">
        <v>22</v>
      </c>
      <c r="E29" s="177"/>
      <c r="F29" s="200" t="s">
        <v>493</v>
      </c>
      <c r="G29" s="548"/>
      <c r="H29" s="176">
        <v>2</v>
      </c>
      <c r="I29" s="753" t="s">
        <v>17</v>
      </c>
      <c r="J29" s="754"/>
      <c r="K29" s="544">
        <v>95</v>
      </c>
      <c r="M29" s="414"/>
      <c r="N29" s="414"/>
      <c r="O29" s="414"/>
    </row>
    <row r="30" spans="1:26" ht="20.100000000000001" customHeight="1" thickBot="1" x14ac:dyDescent="0.2">
      <c r="B30" s="751" t="s">
        <v>521</v>
      </c>
      <c r="C30" s="752"/>
      <c r="D30" s="265">
        <v>523</v>
      </c>
      <c r="E30" s="177"/>
      <c r="I30" s="755" t="s">
        <v>520</v>
      </c>
      <c r="J30" s="756"/>
      <c r="K30" s="172">
        <v>77</v>
      </c>
      <c r="M30" s="414"/>
      <c r="N30" s="414"/>
      <c r="O30" s="414"/>
    </row>
    <row r="31" spans="1:26" ht="20.100000000000001" customHeight="1" thickBot="1" x14ac:dyDescent="0.2">
      <c r="B31" s="188"/>
      <c r="C31" s="188"/>
      <c r="D31" s="177"/>
      <c r="E31" s="461"/>
      <c r="I31" s="751" t="s">
        <v>521</v>
      </c>
      <c r="J31" s="752"/>
      <c r="K31" s="265">
        <v>468</v>
      </c>
    </row>
    <row r="32" spans="1:26" ht="15" customHeight="1" x14ac:dyDescent="0.15">
      <c r="B32" s="188"/>
      <c r="C32" s="188"/>
      <c r="D32" s="177"/>
      <c r="E32" s="177"/>
      <c r="F32" s="177"/>
      <c r="G32" s="178"/>
      <c r="H32" s="178"/>
      <c r="I32" s="177"/>
    </row>
    <row r="33" spans="2:11" ht="20.100000000000001" customHeight="1" thickBot="1" x14ac:dyDescent="0.2">
      <c r="B33" s="188" t="s">
        <v>590</v>
      </c>
      <c r="C33" s="536"/>
      <c r="D33" s="536"/>
      <c r="E33" s="177"/>
      <c r="F33" s="177"/>
      <c r="G33" s="177"/>
      <c r="H33" s="177"/>
      <c r="I33" s="177"/>
    </row>
    <row r="34" spans="2:11" ht="20.100000000000001" customHeight="1" thickBot="1" x14ac:dyDescent="0.2">
      <c r="B34" s="667" t="s">
        <v>451</v>
      </c>
      <c r="C34" s="750"/>
      <c r="D34" s="174" t="s">
        <v>417</v>
      </c>
      <c r="E34" s="177"/>
      <c r="F34" s="177"/>
      <c r="G34" s="177"/>
      <c r="H34" s="177"/>
      <c r="I34" s="177"/>
    </row>
    <row r="35" spans="2:11" ht="20.100000000000001" customHeight="1" thickTop="1" x14ac:dyDescent="0.15">
      <c r="B35" s="549" t="s">
        <v>388</v>
      </c>
      <c r="C35" s="550"/>
      <c r="D35" s="551">
        <v>13</v>
      </c>
      <c r="E35" s="177"/>
      <c r="F35" s="177"/>
      <c r="G35" s="177"/>
      <c r="H35" s="177"/>
      <c r="I35" s="177"/>
    </row>
    <row r="36" spans="2:11" ht="20.100000000000001" customHeight="1" x14ac:dyDescent="0.15">
      <c r="B36" s="552" t="s">
        <v>517</v>
      </c>
      <c r="C36" s="553"/>
      <c r="D36" s="173">
        <v>2</v>
      </c>
      <c r="E36" s="177"/>
      <c r="F36" s="177"/>
      <c r="G36" s="177"/>
      <c r="H36" s="177"/>
      <c r="I36" s="177"/>
    </row>
    <row r="37" spans="2:11" ht="20.100000000000001" customHeight="1" x14ac:dyDescent="0.15">
      <c r="B37" s="552" t="s">
        <v>85</v>
      </c>
      <c r="C37" s="553"/>
      <c r="D37" s="554">
        <v>25</v>
      </c>
      <c r="E37" s="177"/>
      <c r="F37" s="177"/>
      <c r="G37" s="177"/>
      <c r="H37" s="177"/>
      <c r="I37" s="181"/>
      <c r="J37" s="181"/>
    </row>
    <row r="38" spans="2:11" ht="20.100000000000001" customHeight="1" thickBot="1" x14ac:dyDescent="0.2">
      <c r="B38" s="555" t="s">
        <v>87</v>
      </c>
      <c r="C38" s="556"/>
      <c r="D38" s="176">
        <v>235</v>
      </c>
      <c r="E38" s="177"/>
      <c r="F38" s="177"/>
      <c r="G38" s="181"/>
      <c r="H38" s="181"/>
      <c r="I38" s="177"/>
      <c r="K38" s="181"/>
    </row>
    <row r="39" spans="2:11" ht="20.100000000000001" customHeight="1" x14ac:dyDescent="0.15">
      <c r="E39" s="177"/>
      <c r="F39" s="181"/>
      <c r="G39" s="177"/>
      <c r="H39" s="177"/>
      <c r="I39" s="177"/>
    </row>
    <row r="40" spans="2:11" ht="20.100000000000001" customHeight="1" x14ac:dyDescent="0.15">
      <c r="B40" s="177"/>
      <c r="C40" s="177"/>
      <c r="D40" s="177"/>
      <c r="E40" s="181"/>
      <c r="F40" s="177"/>
      <c r="G40" s="177"/>
      <c r="H40" s="177"/>
      <c r="I40" s="177"/>
    </row>
    <row r="41" spans="2:11" ht="20.100000000000001" customHeight="1" x14ac:dyDescent="0.15">
      <c r="B41" s="181"/>
      <c r="C41" s="181"/>
      <c r="D41" s="181"/>
      <c r="E41" s="177"/>
      <c r="F41" s="177"/>
      <c r="G41" s="177"/>
      <c r="H41" s="177"/>
      <c r="I41" s="177"/>
    </row>
    <row r="42" spans="2:11" ht="20.100000000000001" customHeight="1" x14ac:dyDescent="0.15">
      <c r="B42" s="177"/>
      <c r="C42" s="177"/>
      <c r="D42" s="177"/>
      <c r="E42" s="177"/>
      <c r="F42" s="177"/>
      <c r="G42" s="177"/>
      <c r="H42" s="177"/>
      <c r="I42" s="177"/>
    </row>
    <row r="43" spans="2:11" ht="20.100000000000001" customHeight="1" x14ac:dyDescent="0.15">
      <c r="B43" s="177"/>
      <c r="C43" s="177"/>
      <c r="D43" s="177"/>
      <c r="E43" s="177"/>
      <c r="F43" s="177"/>
      <c r="G43" s="177"/>
      <c r="H43" s="177"/>
      <c r="I43" s="177"/>
    </row>
    <row r="44" spans="2:11" ht="20.100000000000001" customHeight="1" x14ac:dyDescent="0.15">
      <c r="B44" s="177"/>
      <c r="C44" s="177"/>
      <c r="D44" s="177"/>
      <c r="F44" s="177"/>
      <c r="G44" s="177"/>
      <c r="H44" s="177"/>
      <c r="I44" s="177"/>
    </row>
    <row r="45" spans="2:11" ht="20.100000000000001" customHeight="1" x14ac:dyDescent="0.15">
      <c r="F45" s="177"/>
      <c r="G45" s="177"/>
      <c r="H45" s="177"/>
      <c r="I45" s="177"/>
    </row>
    <row r="46" spans="2:11" ht="20.100000000000001" customHeight="1" x14ac:dyDescent="0.15">
      <c r="F46" s="177"/>
      <c r="G46" s="177"/>
      <c r="H46" s="177"/>
      <c r="I46" s="181"/>
    </row>
    <row r="47" spans="2:11" ht="20.100000000000001" customHeight="1" x14ac:dyDescent="0.15">
      <c r="F47" s="177"/>
      <c r="G47" s="181"/>
      <c r="H47" s="181"/>
      <c r="I47" s="177"/>
    </row>
    <row r="48" spans="2:11" ht="20.100000000000001" customHeight="1" x14ac:dyDescent="0.15">
      <c r="F48" s="181"/>
      <c r="G48" s="177"/>
      <c r="H48" s="177"/>
      <c r="I48" s="177"/>
    </row>
    <row r="49" spans="6:9" ht="20.100000000000001" customHeight="1" x14ac:dyDescent="0.15">
      <c r="F49" s="177"/>
      <c r="G49" s="177"/>
      <c r="H49" s="177"/>
      <c r="I49" s="177"/>
    </row>
    <row r="50" spans="6:9" ht="20.100000000000001" customHeight="1" x14ac:dyDescent="0.15">
      <c r="F50" s="177"/>
      <c r="G50" s="177"/>
      <c r="H50" s="177"/>
    </row>
    <row r="51" spans="6:9" ht="20.100000000000001" customHeight="1" x14ac:dyDescent="0.15">
      <c r="F51" s="177"/>
    </row>
  </sheetData>
  <mergeCells count="14">
    <mergeCell ref="B15:B16"/>
    <mergeCell ref="C15:C16"/>
    <mergeCell ref="D15:D16"/>
    <mergeCell ref="E15:H15"/>
    <mergeCell ref="B23:C23"/>
    <mergeCell ref="F23:G23"/>
    <mergeCell ref="I31:J31"/>
    <mergeCell ref="I23:J23"/>
    <mergeCell ref="B34:C34"/>
    <mergeCell ref="B28:C28"/>
    <mergeCell ref="B29:C29"/>
    <mergeCell ref="I29:J29"/>
    <mergeCell ref="B30:C30"/>
    <mergeCell ref="I30:J30"/>
  </mergeCells>
  <phoneticPr fontId="1"/>
  <pageMargins left="1.0236220472440944" right="0.23622047244094491" top="0.55118110236220474" bottom="0.55118110236220474" header="0.31496062992125984" footer="0.31496062992125984"/>
  <pageSetup paperSize="9" scale="75" firstPageNumber="3" orientation="landscape" r:id="rId1"/>
  <headerFooter scaleWithDoc="0" alignWithMargins="0">
    <oddFooter>&amp;C&amp;P</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50"/>
  <sheetViews>
    <sheetView view="pageBreakPreview" zoomScale="80" zoomScaleNormal="80" zoomScaleSheetLayoutView="80" workbookViewId="0"/>
  </sheetViews>
  <sheetFormatPr defaultColWidth="14.625" defaultRowHeight="20.100000000000001" customHeight="1" x14ac:dyDescent="0.15"/>
  <cols>
    <col min="1" max="1" width="3.125" style="271" customWidth="1"/>
    <col min="2" max="2" width="14.625" style="271" customWidth="1"/>
    <col min="3" max="9" width="14.625" style="271"/>
    <col min="10" max="10" width="6.5" style="271" customWidth="1"/>
    <col min="11" max="13" width="14.625" style="271"/>
    <col min="14" max="14" width="6.5" style="271" customWidth="1"/>
    <col min="15" max="16384" width="14.625" style="271"/>
  </cols>
  <sheetData>
    <row r="1" spans="1:18" ht="20.100000000000001" customHeight="1" x14ac:dyDescent="0.15">
      <c r="A1" s="272" t="s">
        <v>452</v>
      </c>
    </row>
    <row r="2" spans="1:18" ht="15" customHeight="1" x14ac:dyDescent="0.15">
      <c r="B2" s="272"/>
    </row>
    <row r="3" spans="1:18" ht="20.100000000000001" customHeight="1" thickBot="1" x14ac:dyDescent="0.2">
      <c r="B3" s="271" t="s">
        <v>591</v>
      </c>
      <c r="E3" s="271" t="s">
        <v>522</v>
      </c>
      <c r="K3" s="271" t="s">
        <v>592</v>
      </c>
    </row>
    <row r="4" spans="1:18" ht="20.100000000000001" customHeight="1" thickBot="1" x14ac:dyDescent="0.2">
      <c r="B4" s="273" t="s">
        <v>26</v>
      </c>
      <c r="C4" s="324" t="s">
        <v>462</v>
      </c>
      <c r="D4" s="294" t="s">
        <v>463</v>
      </c>
      <c r="E4" s="276" t="s">
        <v>2</v>
      </c>
      <c r="F4" s="659" t="s">
        <v>523</v>
      </c>
      <c r="G4" s="274" t="s">
        <v>524</v>
      </c>
      <c r="H4" s="274" t="s">
        <v>525</v>
      </c>
      <c r="I4" s="276" t="s">
        <v>595</v>
      </c>
      <c r="K4" s="273" t="s">
        <v>26</v>
      </c>
      <c r="L4" s="274" t="s">
        <v>526</v>
      </c>
      <c r="M4" s="276" t="s">
        <v>527</v>
      </c>
    </row>
    <row r="5" spans="1:18" ht="20.100000000000001" customHeight="1" thickTop="1" x14ac:dyDescent="0.15">
      <c r="B5" s="277" t="s">
        <v>27</v>
      </c>
      <c r="C5" s="325">
        <v>226</v>
      </c>
      <c r="D5" s="392">
        <v>7</v>
      </c>
      <c r="E5" s="662">
        <v>1.2844036697247707E-2</v>
      </c>
      <c r="F5" s="660">
        <v>6</v>
      </c>
      <c r="G5" s="333">
        <v>1</v>
      </c>
      <c r="H5" s="333">
        <v>2</v>
      </c>
      <c r="I5" s="334">
        <v>9</v>
      </c>
      <c r="K5" s="277" t="s">
        <v>27</v>
      </c>
      <c r="L5" s="333">
        <v>3</v>
      </c>
      <c r="M5" s="565">
        <v>223</v>
      </c>
    </row>
    <row r="6" spans="1:18" ht="20.100000000000001" customHeight="1" x14ac:dyDescent="0.15">
      <c r="B6" s="278" t="s">
        <v>28</v>
      </c>
      <c r="C6" s="326">
        <v>63</v>
      </c>
      <c r="D6" s="326">
        <v>3</v>
      </c>
      <c r="E6" s="663">
        <v>5.5045871559633031E-3</v>
      </c>
      <c r="F6" s="393">
        <v>3</v>
      </c>
      <c r="G6" s="326">
        <v>0</v>
      </c>
      <c r="H6" s="326">
        <v>3</v>
      </c>
      <c r="I6" s="335">
        <v>6</v>
      </c>
      <c r="K6" s="278" t="s">
        <v>28</v>
      </c>
      <c r="L6" s="326">
        <v>3</v>
      </c>
      <c r="M6" s="335">
        <v>60</v>
      </c>
    </row>
    <row r="7" spans="1:18" ht="20.100000000000001" customHeight="1" x14ac:dyDescent="0.15">
      <c r="B7" s="278" t="s">
        <v>29</v>
      </c>
      <c r="C7" s="326">
        <v>48</v>
      </c>
      <c r="D7" s="326">
        <v>3</v>
      </c>
      <c r="E7" s="664">
        <v>5.5045871559633031E-3</v>
      </c>
      <c r="F7" s="393">
        <v>0</v>
      </c>
      <c r="G7" s="326">
        <v>1</v>
      </c>
      <c r="H7" s="326">
        <v>2</v>
      </c>
      <c r="I7" s="335">
        <v>3</v>
      </c>
      <c r="K7" s="278" t="s">
        <v>29</v>
      </c>
      <c r="L7" s="326">
        <v>2</v>
      </c>
      <c r="M7" s="335">
        <v>46</v>
      </c>
    </row>
    <row r="8" spans="1:18" ht="20.100000000000001" customHeight="1" x14ac:dyDescent="0.15">
      <c r="B8" s="278" t="s">
        <v>30</v>
      </c>
      <c r="C8" s="326">
        <v>44</v>
      </c>
      <c r="D8" s="326">
        <v>1</v>
      </c>
      <c r="E8" s="664">
        <v>1.834862385321101E-3</v>
      </c>
      <c r="F8" s="393">
        <v>1</v>
      </c>
      <c r="G8" s="326">
        <v>0</v>
      </c>
      <c r="H8" s="326">
        <v>0</v>
      </c>
      <c r="I8" s="335">
        <v>1</v>
      </c>
      <c r="K8" s="278" t="s">
        <v>30</v>
      </c>
      <c r="L8" s="326">
        <v>1</v>
      </c>
      <c r="M8" s="335">
        <v>43</v>
      </c>
    </row>
    <row r="9" spans="1:18" ht="20.100000000000001" customHeight="1" x14ac:dyDescent="0.15">
      <c r="B9" s="278" t="s">
        <v>31</v>
      </c>
      <c r="C9" s="326">
        <v>42</v>
      </c>
      <c r="D9" s="326">
        <v>0</v>
      </c>
      <c r="E9" s="665">
        <v>0</v>
      </c>
      <c r="F9" s="393">
        <v>0</v>
      </c>
      <c r="G9" s="326">
        <v>0</v>
      </c>
      <c r="H9" s="326">
        <v>0</v>
      </c>
      <c r="I9" s="335">
        <v>0</v>
      </c>
      <c r="K9" s="278" t="s">
        <v>31</v>
      </c>
      <c r="L9" s="326">
        <v>0</v>
      </c>
      <c r="M9" s="335">
        <v>42</v>
      </c>
    </row>
    <row r="10" spans="1:18" ht="20.100000000000001" customHeight="1" x14ac:dyDescent="0.15">
      <c r="B10" s="278" t="s">
        <v>32</v>
      </c>
      <c r="C10" s="326">
        <v>38</v>
      </c>
      <c r="D10" s="326">
        <v>2</v>
      </c>
      <c r="E10" s="665">
        <v>3.669724770642202E-3</v>
      </c>
      <c r="F10" s="393">
        <v>1</v>
      </c>
      <c r="G10" s="326">
        <v>1</v>
      </c>
      <c r="H10" s="326">
        <v>2</v>
      </c>
      <c r="I10" s="335">
        <v>4</v>
      </c>
      <c r="K10" s="278" t="s">
        <v>32</v>
      </c>
      <c r="L10" s="326">
        <v>2</v>
      </c>
      <c r="M10" s="335">
        <v>36</v>
      </c>
    </row>
    <row r="11" spans="1:18" ht="20.100000000000001" customHeight="1" x14ac:dyDescent="0.15">
      <c r="B11" s="278" t="s">
        <v>33</v>
      </c>
      <c r="C11" s="326">
        <v>53</v>
      </c>
      <c r="D11" s="326">
        <v>0</v>
      </c>
      <c r="E11" s="665">
        <v>0</v>
      </c>
      <c r="F11" s="393">
        <v>0</v>
      </c>
      <c r="G11" s="326">
        <v>0</v>
      </c>
      <c r="H11" s="326">
        <v>0</v>
      </c>
      <c r="I11" s="335">
        <v>0</v>
      </c>
      <c r="K11" s="278" t="s">
        <v>33</v>
      </c>
      <c r="L11" s="326">
        <v>0</v>
      </c>
      <c r="M11" s="335">
        <v>53</v>
      </c>
    </row>
    <row r="12" spans="1:18" ht="20.100000000000001" customHeight="1" thickBot="1" x14ac:dyDescent="0.2">
      <c r="B12" s="279" t="s">
        <v>453</v>
      </c>
      <c r="C12" s="327">
        <v>31</v>
      </c>
      <c r="D12" s="395">
        <v>0</v>
      </c>
      <c r="E12" s="664">
        <v>0</v>
      </c>
      <c r="F12" s="394">
        <v>0</v>
      </c>
      <c r="G12" s="336">
        <v>0</v>
      </c>
      <c r="H12" s="336">
        <v>0</v>
      </c>
      <c r="I12" s="337">
        <v>0</v>
      </c>
      <c r="K12" s="279" t="s">
        <v>453</v>
      </c>
      <c r="L12" s="336">
        <v>0</v>
      </c>
      <c r="M12" s="337">
        <v>31</v>
      </c>
    </row>
    <row r="13" spans="1:18" ht="20.100000000000001" customHeight="1" thickTop="1" thickBot="1" x14ac:dyDescent="0.2">
      <c r="B13" s="280" t="s">
        <v>528</v>
      </c>
      <c r="C13" s="328">
        <v>545</v>
      </c>
      <c r="D13" s="396">
        <v>16</v>
      </c>
      <c r="E13" s="666">
        <v>2.9357798165137616E-2</v>
      </c>
      <c r="F13" s="661">
        <v>11</v>
      </c>
      <c r="G13" s="328">
        <v>3</v>
      </c>
      <c r="H13" s="328">
        <v>9</v>
      </c>
      <c r="I13" s="338">
        <v>23</v>
      </c>
      <c r="K13" s="280" t="s">
        <v>528</v>
      </c>
      <c r="L13" s="566">
        <v>11</v>
      </c>
      <c r="M13" s="338">
        <v>534</v>
      </c>
    </row>
    <row r="14" spans="1:18" ht="15" customHeight="1" x14ac:dyDescent="0.15">
      <c r="B14" s="272"/>
    </row>
    <row r="15" spans="1:18" ht="20.100000000000001" customHeight="1" thickBot="1" x14ac:dyDescent="0.2">
      <c r="B15" s="271" t="s">
        <v>593</v>
      </c>
      <c r="E15" s="271" t="s">
        <v>464</v>
      </c>
      <c r="H15" s="442" t="s">
        <v>594</v>
      </c>
      <c r="I15" s="443"/>
      <c r="J15" s="443"/>
      <c r="K15" s="443"/>
      <c r="L15" s="443"/>
      <c r="M15" s="443"/>
      <c r="N15" s="443"/>
    </row>
    <row r="16" spans="1:18" ht="20.100000000000001" customHeight="1" thickBot="1" x14ac:dyDescent="0.2">
      <c r="B16" s="273" t="s">
        <v>26</v>
      </c>
      <c r="C16" s="274" t="s">
        <v>459</v>
      </c>
      <c r="D16" s="275" t="s">
        <v>460</v>
      </c>
      <c r="E16" s="295" t="s">
        <v>461</v>
      </c>
      <c r="F16" s="276" t="s">
        <v>387</v>
      </c>
      <c r="H16" s="557" t="s">
        <v>537</v>
      </c>
      <c r="I16" s="558"/>
      <c r="J16" s="558"/>
      <c r="K16" s="558"/>
      <c r="L16" s="558"/>
      <c r="M16" s="559"/>
      <c r="N16" s="443"/>
      <c r="R16" s="442"/>
    </row>
    <row r="17" spans="2:18" ht="20.100000000000001" customHeight="1" thickTop="1" x14ac:dyDescent="0.15">
      <c r="B17" s="277" t="s">
        <v>27</v>
      </c>
      <c r="C17" s="333">
        <v>21</v>
      </c>
      <c r="D17" s="333">
        <v>190</v>
      </c>
      <c r="E17" s="567">
        <v>82</v>
      </c>
      <c r="F17" s="565">
        <v>26</v>
      </c>
      <c r="H17" s="560" t="s">
        <v>538</v>
      </c>
      <c r="I17" s="443"/>
      <c r="J17" s="443"/>
      <c r="K17" s="443"/>
      <c r="L17" s="443"/>
      <c r="M17" s="561"/>
      <c r="N17" s="443"/>
      <c r="R17" s="442"/>
    </row>
    <row r="18" spans="2:18" ht="20.100000000000001" customHeight="1" x14ac:dyDescent="0.15">
      <c r="B18" s="278" t="s">
        <v>28</v>
      </c>
      <c r="C18" s="326">
        <v>10</v>
      </c>
      <c r="D18" s="326">
        <v>50</v>
      </c>
      <c r="E18" s="326">
        <v>20</v>
      </c>
      <c r="F18" s="335">
        <v>4</v>
      </c>
      <c r="H18" s="560" t="s">
        <v>539</v>
      </c>
      <c r="I18" s="443"/>
      <c r="J18" s="443"/>
      <c r="K18" s="443"/>
      <c r="L18" s="443"/>
      <c r="M18" s="561"/>
      <c r="N18" s="443"/>
      <c r="R18" s="442"/>
    </row>
    <row r="19" spans="2:18" ht="20.100000000000001" customHeight="1" x14ac:dyDescent="0.15">
      <c r="B19" s="278" t="s">
        <v>29</v>
      </c>
      <c r="C19" s="326">
        <v>7</v>
      </c>
      <c r="D19" s="326">
        <v>41</v>
      </c>
      <c r="E19" s="326">
        <v>17</v>
      </c>
      <c r="F19" s="335">
        <v>1</v>
      </c>
      <c r="H19" s="560" t="s">
        <v>540</v>
      </c>
      <c r="I19" s="443"/>
      <c r="J19" s="443"/>
      <c r="K19" s="443"/>
      <c r="L19" s="443"/>
      <c r="M19" s="561"/>
      <c r="N19" s="443"/>
      <c r="R19" s="442"/>
    </row>
    <row r="20" spans="2:18" ht="20.100000000000001" customHeight="1" x14ac:dyDescent="0.15">
      <c r="B20" s="278" t="s">
        <v>30</v>
      </c>
      <c r="C20" s="326">
        <v>4</v>
      </c>
      <c r="D20" s="326">
        <v>38</v>
      </c>
      <c r="E20" s="326">
        <v>15</v>
      </c>
      <c r="F20" s="335">
        <v>7</v>
      </c>
      <c r="H20" s="560" t="s">
        <v>541</v>
      </c>
      <c r="I20" s="443"/>
      <c r="J20" s="443"/>
      <c r="K20" s="443"/>
      <c r="L20" s="443"/>
      <c r="M20" s="561"/>
      <c r="N20" s="443"/>
      <c r="R20" s="442"/>
    </row>
    <row r="21" spans="2:18" ht="20.100000000000001" customHeight="1" x14ac:dyDescent="0.15">
      <c r="B21" s="278" t="s">
        <v>31</v>
      </c>
      <c r="C21" s="326">
        <v>7</v>
      </c>
      <c r="D21" s="326">
        <v>36</v>
      </c>
      <c r="E21" s="326">
        <v>12</v>
      </c>
      <c r="F21" s="335">
        <v>4</v>
      </c>
      <c r="H21" s="560" t="s">
        <v>542</v>
      </c>
      <c r="I21" s="443"/>
      <c r="J21" s="443"/>
      <c r="K21" s="443"/>
      <c r="L21" s="443"/>
      <c r="M21" s="561"/>
      <c r="N21" s="443"/>
      <c r="R21" s="442"/>
    </row>
    <row r="22" spans="2:18" ht="20.100000000000001" customHeight="1" x14ac:dyDescent="0.15">
      <c r="B22" s="278" t="s">
        <v>32</v>
      </c>
      <c r="C22" s="326">
        <v>5</v>
      </c>
      <c r="D22" s="326">
        <v>33</v>
      </c>
      <c r="E22" s="326">
        <v>11</v>
      </c>
      <c r="F22" s="335">
        <v>2</v>
      </c>
      <c r="H22" s="560" t="s">
        <v>543</v>
      </c>
      <c r="I22" s="443"/>
      <c r="J22" s="443"/>
      <c r="K22" s="443"/>
      <c r="L22" s="443"/>
      <c r="M22" s="561"/>
      <c r="N22" s="443"/>
      <c r="R22" s="442"/>
    </row>
    <row r="23" spans="2:18" ht="20.100000000000001" customHeight="1" x14ac:dyDescent="0.15">
      <c r="B23" s="278" t="s">
        <v>33</v>
      </c>
      <c r="C23" s="326">
        <v>3</v>
      </c>
      <c r="D23" s="326">
        <v>48</v>
      </c>
      <c r="E23" s="568">
        <v>21</v>
      </c>
      <c r="F23" s="335">
        <v>3</v>
      </c>
      <c r="H23" s="560" t="s">
        <v>544</v>
      </c>
      <c r="I23" s="443"/>
      <c r="J23" s="443"/>
      <c r="K23" s="443"/>
      <c r="L23" s="443"/>
      <c r="M23" s="561"/>
      <c r="N23" s="443"/>
      <c r="R23" s="442"/>
    </row>
    <row r="24" spans="2:18" ht="20.100000000000001" customHeight="1" thickBot="1" x14ac:dyDescent="0.2">
      <c r="B24" s="279" t="s">
        <v>453</v>
      </c>
      <c r="C24" s="336">
        <v>1</v>
      </c>
      <c r="D24" s="336">
        <v>25</v>
      </c>
      <c r="E24" s="336">
        <v>9</v>
      </c>
      <c r="F24" s="337">
        <v>7</v>
      </c>
      <c r="H24" s="562" t="s">
        <v>545</v>
      </c>
      <c r="I24" s="563"/>
      <c r="J24" s="563"/>
      <c r="K24" s="563"/>
      <c r="L24" s="563"/>
      <c r="M24" s="564"/>
      <c r="N24" s="443"/>
      <c r="R24" s="442"/>
    </row>
    <row r="25" spans="2:18" ht="20.100000000000001" customHeight="1" thickTop="1" thickBot="1" x14ac:dyDescent="0.2">
      <c r="B25" s="280" t="s">
        <v>528</v>
      </c>
      <c r="C25" s="566">
        <v>58</v>
      </c>
      <c r="D25" s="566">
        <v>461</v>
      </c>
      <c r="E25" s="566">
        <v>187</v>
      </c>
      <c r="F25" s="338">
        <v>54</v>
      </c>
      <c r="G25" s="281"/>
      <c r="H25" s="441"/>
      <c r="I25" s="441"/>
      <c r="J25" s="444"/>
      <c r="K25" s="444"/>
      <c r="L25" s="442"/>
      <c r="M25" s="442"/>
      <c r="N25" s="442"/>
      <c r="O25" s="442"/>
      <c r="P25" s="442"/>
    </row>
    <row r="26" spans="2:18" ht="15" customHeight="1" x14ac:dyDescent="0.15">
      <c r="B26" s="272"/>
    </row>
    <row r="27" spans="2:18" ht="20.100000000000001" customHeight="1" thickBot="1" x14ac:dyDescent="0.2">
      <c r="B27" s="271" t="s">
        <v>596</v>
      </c>
      <c r="H27" s="385"/>
      <c r="I27" s="385"/>
      <c r="J27" s="385"/>
      <c r="K27" s="441"/>
      <c r="M27" s="281"/>
    </row>
    <row r="28" spans="2:18" ht="20.100000000000001" customHeight="1" thickBot="1" x14ac:dyDescent="0.2">
      <c r="B28" s="766" t="s">
        <v>454</v>
      </c>
      <c r="C28" s="767"/>
      <c r="D28" s="767"/>
      <c r="E28" s="767"/>
      <c r="F28" s="767"/>
      <c r="G28" s="768"/>
      <c r="H28" s="300" t="s">
        <v>455</v>
      </c>
      <c r="I28" s="281"/>
      <c r="K28" s="444"/>
    </row>
    <row r="29" spans="2:18" ht="20.100000000000001" customHeight="1" thickTop="1" x14ac:dyDescent="0.15">
      <c r="B29" s="282">
        <v>1</v>
      </c>
      <c r="C29" s="283" t="s">
        <v>389</v>
      </c>
      <c r="D29" s="284"/>
      <c r="E29" s="284"/>
      <c r="F29" s="284"/>
      <c r="G29" s="284"/>
      <c r="H29" s="329">
        <v>4</v>
      </c>
      <c r="K29" s="444"/>
    </row>
    <row r="30" spans="2:18" ht="20.100000000000001" customHeight="1" x14ac:dyDescent="0.15">
      <c r="B30" s="285">
        <v>2</v>
      </c>
      <c r="C30" s="286" t="s">
        <v>390</v>
      </c>
      <c r="D30" s="287"/>
      <c r="E30" s="287"/>
      <c r="F30" s="287"/>
      <c r="G30" s="287"/>
      <c r="H30" s="330">
        <v>3</v>
      </c>
      <c r="K30" s="444"/>
    </row>
    <row r="31" spans="2:18" ht="20.100000000000001" customHeight="1" x14ac:dyDescent="0.15">
      <c r="B31" s="285">
        <v>3</v>
      </c>
      <c r="C31" s="286" t="s">
        <v>391</v>
      </c>
      <c r="D31" s="287"/>
      <c r="E31" s="287"/>
      <c r="F31" s="287"/>
      <c r="G31" s="287"/>
      <c r="H31" s="330">
        <v>6</v>
      </c>
      <c r="K31" s="444"/>
    </row>
    <row r="32" spans="2:18" ht="20.100000000000001" customHeight="1" x14ac:dyDescent="0.15">
      <c r="B32" s="285">
        <v>4</v>
      </c>
      <c r="C32" s="286" t="s">
        <v>392</v>
      </c>
      <c r="D32" s="287"/>
      <c r="E32" s="287"/>
      <c r="F32" s="287"/>
      <c r="G32" s="287"/>
      <c r="H32" s="330">
        <v>0</v>
      </c>
    </row>
    <row r="33" spans="2:13" ht="20.100000000000001" customHeight="1" x14ac:dyDescent="0.15">
      <c r="B33" s="285">
        <v>5</v>
      </c>
      <c r="C33" s="286" t="s">
        <v>393</v>
      </c>
      <c r="D33" s="287"/>
      <c r="E33" s="287"/>
      <c r="F33" s="287"/>
      <c r="G33" s="287"/>
      <c r="H33" s="330">
        <v>1</v>
      </c>
    </row>
    <row r="34" spans="2:13" ht="20.100000000000001" customHeight="1" x14ac:dyDescent="0.15">
      <c r="B34" s="285">
        <v>6</v>
      </c>
      <c r="C34" s="286" t="s">
        <v>394</v>
      </c>
      <c r="D34" s="287"/>
      <c r="E34" s="287"/>
      <c r="F34" s="287"/>
      <c r="G34" s="287"/>
      <c r="H34" s="330">
        <v>1</v>
      </c>
    </row>
    <row r="35" spans="2:13" ht="20.100000000000001" customHeight="1" x14ac:dyDescent="0.15">
      <c r="B35" s="285">
        <v>7</v>
      </c>
      <c r="C35" s="286" t="s">
        <v>395</v>
      </c>
      <c r="D35" s="287"/>
      <c r="E35" s="287"/>
      <c r="F35" s="287"/>
      <c r="G35" s="287"/>
      <c r="H35" s="330">
        <v>3</v>
      </c>
    </row>
    <row r="36" spans="2:13" ht="20.100000000000001" customHeight="1" x14ac:dyDescent="0.15">
      <c r="B36" s="285">
        <v>8</v>
      </c>
      <c r="C36" s="286" t="s">
        <v>396</v>
      </c>
      <c r="D36" s="287"/>
      <c r="E36" s="287"/>
      <c r="F36" s="287"/>
      <c r="G36" s="287"/>
      <c r="H36" s="330">
        <v>5</v>
      </c>
    </row>
    <row r="37" spans="2:13" ht="20.100000000000001" customHeight="1" x14ac:dyDescent="0.15">
      <c r="B37" s="288">
        <v>9</v>
      </c>
      <c r="C37" s="289" t="s">
        <v>397</v>
      </c>
      <c r="D37" s="290"/>
      <c r="E37" s="290"/>
      <c r="F37" s="290"/>
      <c r="G37" s="290"/>
      <c r="H37" s="330">
        <v>9</v>
      </c>
    </row>
    <row r="38" spans="2:13" ht="20.100000000000001" customHeight="1" x14ac:dyDescent="0.15">
      <c r="B38" s="288">
        <v>10</v>
      </c>
      <c r="C38" s="289" t="s">
        <v>456</v>
      </c>
      <c r="D38" s="290"/>
      <c r="E38" s="290"/>
      <c r="F38" s="290"/>
      <c r="G38" s="290"/>
      <c r="H38" s="330">
        <v>7</v>
      </c>
    </row>
    <row r="39" spans="2:13" ht="20.100000000000001" customHeight="1" x14ac:dyDescent="0.15">
      <c r="B39" s="285">
        <v>11</v>
      </c>
      <c r="C39" s="286" t="s">
        <v>398</v>
      </c>
      <c r="D39" s="287"/>
      <c r="E39" s="287"/>
      <c r="F39" s="287"/>
      <c r="G39" s="287"/>
      <c r="H39" s="330">
        <v>8</v>
      </c>
      <c r="L39" s="281"/>
    </row>
    <row r="40" spans="2:13" ht="20.100000000000001" customHeight="1" x14ac:dyDescent="0.15">
      <c r="B40" s="285">
        <v>12</v>
      </c>
      <c r="C40" s="286" t="s">
        <v>399</v>
      </c>
      <c r="D40" s="287"/>
      <c r="E40" s="287"/>
      <c r="F40" s="287"/>
      <c r="G40" s="287"/>
      <c r="H40" s="330">
        <v>4</v>
      </c>
    </row>
    <row r="41" spans="2:13" ht="20.100000000000001" customHeight="1" x14ac:dyDescent="0.15">
      <c r="B41" s="285">
        <v>13</v>
      </c>
      <c r="C41" s="286" t="s">
        <v>400</v>
      </c>
      <c r="D41" s="287"/>
      <c r="E41" s="287"/>
      <c r="F41" s="287"/>
      <c r="G41" s="287"/>
      <c r="H41" s="330">
        <v>1</v>
      </c>
    </row>
    <row r="42" spans="2:13" ht="20.100000000000001" customHeight="1" x14ac:dyDescent="0.15">
      <c r="B42" s="285">
        <v>14</v>
      </c>
      <c r="C42" s="286" t="s">
        <v>401</v>
      </c>
      <c r="D42" s="287"/>
      <c r="E42" s="287"/>
      <c r="F42" s="287"/>
      <c r="G42" s="287"/>
      <c r="H42" s="330">
        <v>1</v>
      </c>
    </row>
    <row r="43" spans="2:13" ht="20.100000000000001" customHeight="1" x14ac:dyDescent="0.15">
      <c r="B43" s="285">
        <v>15</v>
      </c>
      <c r="C43" s="286" t="s">
        <v>402</v>
      </c>
      <c r="D43" s="287"/>
      <c r="E43" s="287"/>
      <c r="F43" s="287"/>
      <c r="G43" s="287"/>
      <c r="H43" s="330">
        <v>10</v>
      </c>
    </row>
    <row r="44" spans="2:13" ht="20.100000000000001" customHeight="1" x14ac:dyDescent="0.15">
      <c r="B44" s="285">
        <v>16</v>
      </c>
      <c r="C44" s="286" t="s">
        <v>403</v>
      </c>
      <c r="D44" s="287"/>
      <c r="E44" s="287"/>
      <c r="F44" s="287"/>
      <c r="G44" s="287"/>
      <c r="H44" s="330">
        <v>4</v>
      </c>
    </row>
    <row r="45" spans="2:13" ht="20.100000000000001" customHeight="1" x14ac:dyDescent="0.15">
      <c r="B45" s="285">
        <v>17</v>
      </c>
      <c r="C45" s="286" t="s">
        <v>404</v>
      </c>
      <c r="D45" s="287"/>
      <c r="E45" s="287"/>
      <c r="F45" s="287"/>
      <c r="G45" s="287"/>
      <c r="H45" s="330">
        <v>8</v>
      </c>
      <c r="I45" s="281"/>
      <c r="J45" s="281"/>
      <c r="K45" s="281"/>
      <c r="L45" s="281"/>
      <c r="M45" s="281"/>
    </row>
    <row r="46" spans="2:13" ht="20.100000000000001" customHeight="1" x14ac:dyDescent="0.15">
      <c r="B46" s="285">
        <v>18</v>
      </c>
      <c r="C46" s="286" t="s">
        <v>457</v>
      </c>
      <c r="D46" s="287"/>
      <c r="E46" s="287"/>
      <c r="F46" s="287"/>
      <c r="G46" s="287"/>
      <c r="H46" s="330">
        <v>1</v>
      </c>
      <c r="I46" s="281"/>
      <c r="J46" s="281"/>
      <c r="K46" s="281"/>
      <c r="L46" s="281"/>
      <c r="M46" s="281"/>
    </row>
    <row r="47" spans="2:13" ht="20.100000000000001" customHeight="1" x14ac:dyDescent="0.15">
      <c r="B47" s="285">
        <v>19</v>
      </c>
      <c r="C47" s="286" t="s">
        <v>405</v>
      </c>
      <c r="D47" s="287"/>
      <c r="E47" s="287"/>
      <c r="F47" s="287"/>
      <c r="G47" s="287"/>
      <c r="H47" s="330">
        <v>1</v>
      </c>
      <c r="I47" s="281"/>
      <c r="J47" s="281"/>
      <c r="K47" s="281"/>
      <c r="L47" s="281"/>
      <c r="M47" s="281"/>
    </row>
    <row r="48" spans="2:13" ht="20.100000000000001" customHeight="1" x14ac:dyDescent="0.15">
      <c r="B48" s="285">
        <v>20</v>
      </c>
      <c r="C48" s="286" t="s">
        <v>406</v>
      </c>
      <c r="D48" s="287"/>
      <c r="E48" s="287"/>
      <c r="F48" s="287"/>
      <c r="G48" s="287"/>
      <c r="H48" s="330">
        <v>5</v>
      </c>
      <c r="I48" s="281"/>
      <c r="J48" s="281"/>
      <c r="K48" s="281"/>
      <c r="L48" s="281"/>
      <c r="M48" s="281"/>
    </row>
    <row r="49" spans="2:13" ht="20.100000000000001" customHeight="1" thickBot="1" x14ac:dyDescent="0.2">
      <c r="B49" s="291">
        <v>21</v>
      </c>
      <c r="C49" s="292" t="s">
        <v>407</v>
      </c>
      <c r="D49" s="293"/>
      <c r="E49" s="293"/>
      <c r="F49" s="293"/>
      <c r="G49" s="293"/>
      <c r="H49" s="331">
        <v>1</v>
      </c>
      <c r="I49" s="281"/>
      <c r="J49" s="281"/>
      <c r="K49" s="281"/>
      <c r="L49" s="281"/>
      <c r="M49" s="281"/>
    </row>
    <row r="50" spans="2:13" ht="20.100000000000001" customHeight="1" thickTop="1" thickBot="1" x14ac:dyDescent="0.2">
      <c r="B50" s="301"/>
      <c r="C50" s="302"/>
      <c r="D50" s="302"/>
      <c r="E50" s="302"/>
      <c r="F50" s="302"/>
      <c r="G50" s="303" t="s">
        <v>458</v>
      </c>
      <c r="H50" s="332">
        <v>83</v>
      </c>
      <c r="I50" s="281"/>
      <c r="J50" s="281"/>
      <c r="K50" s="281"/>
      <c r="L50" s="281"/>
      <c r="M50" s="281"/>
    </row>
  </sheetData>
  <mergeCells count="1">
    <mergeCell ref="B28:G28"/>
  </mergeCells>
  <phoneticPr fontId="1"/>
  <pageMargins left="0.82677165354330717" right="0.23622047244094491" top="0.55118110236220474" bottom="0.35433070866141736" header="0.31496062992125984" footer="0.31496062992125984"/>
  <pageSetup paperSize="9" scale="55" firstPageNumber="3" orientation="landscape" r:id="rId1"/>
  <headerFooter scaleWithDoc="0" alignWithMargins="0">
    <oddFooter>&amp;C&amp;P</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H127"/>
  <sheetViews>
    <sheetView view="pageBreakPreview" zoomScale="110" zoomScaleNormal="100" zoomScaleSheetLayoutView="110" workbookViewId="0">
      <selection sqref="A1:B1"/>
    </sheetView>
  </sheetViews>
  <sheetFormatPr defaultColWidth="8.75" defaultRowHeight="12" x14ac:dyDescent="0.15"/>
  <cols>
    <col min="1" max="1" width="20.75" style="136" customWidth="1"/>
    <col min="2" max="2" width="3.25" style="137" bestFit="1" customWidth="1"/>
    <col min="3" max="3" width="20.75" style="136" customWidth="1"/>
    <col min="4" max="4" width="3.25" style="136" bestFit="1" customWidth="1"/>
    <col min="5" max="5" width="20.75" style="136" customWidth="1"/>
    <col min="6" max="6" width="3.25" style="136" customWidth="1"/>
    <col min="7" max="7" width="20.75" style="136" customWidth="1"/>
    <col min="8" max="8" width="2.75" style="123" bestFit="1" customWidth="1"/>
    <col min="9" max="16384" width="8.75" style="123"/>
  </cols>
  <sheetData>
    <row r="1" spans="1:8" ht="25.9" customHeight="1" x14ac:dyDescent="0.15">
      <c r="A1" s="769" t="s">
        <v>328</v>
      </c>
      <c r="B1" s="770"/>
      <c r="C1" s="769" t="s">
        <v>329</v>
      </c>
      <c r="D1" s="770"/>
      <c r="E1" s="769" t="s">
        <v>330</v>
      </c>
      <c r="F1" s="770"/>
      <c r="G1" s="771" t="s">
        <v>331</v>
      </c>
      <c r="H1" s="770"/>
    </row>
    <row r="2" spans="1:8" ht="14.25" customHeight="1" x14ac:dyDescent="0.15">
      <c r="A2" s="124" t="s">
        <v>332</v>
      </c>
      <c r="B2" s="125">
        <v>8</v>
      </c>
      <c r="C2" s="124" t="s">
        <v>333</v>
      </c>
      <c r="D2" s="126">
        <v>41</v>
      </c>
      <c r="E2" s="124" t="s">
        <v>334</v>
      </c>
      <c r="F2" s="125">
        <v>16</v>
      </c>
      <c r="G2" s="127" t="s">
        <v>335</v>
      </c>
      <c r="H2" s="128">
        <v>4</v>
      </c>
    </row>
    <row r="3" spans="1:8" ht="14.25" customHeight="1" x14ac:dyDescent="0.15">
      <c r="A3" s="124" t="s">
        <v>336</v>
      </c>
      <c r="B3" s="125">
        <v>6</v>
      </c>
      <c r="C3" s="124" t="s">
        <v>337</v>
      </c>
      <c r="D3" s="126">
        <v>7</v>
      </c>
      <c r="E3" s="124" t="s">
        <v>230</v>
      </c>
      <c r="F3" s="125">
        <v>10</v>
      </c>
      <c r="G3" s="127" t="s">
        <v>338</v>
      </c>
      <c r="H3" s="128">
        <v>1</v>
      </c>
    </row>
    <row r="4" spans="1:8" ht="14.25" customHeight="1" x14ac:dyDescent="0.15">
      <c r="A4" s="124" t="s">
        <v>339</v>
      </c>
      <c r="B4" s="125">
        <v>5</v>
      </c>
      <c r="C4" s="124" t="s">
        <v>340</v>
      </c>
      <c r="D4" s="126">
        <v>6</v>
      </c>
      <c r="E4" s="124" t="s">
        <v>341</v>
      </c>
      <c r="F4" s="125">
        <v>3</v>
      </c>
      <c r="G4" s="127"/>
      <c r="H4" s="128"/>
    </row>
    <row r="5" spans="1:8" ht="14.25" customHeight="1" x14ac:dyDescent="0.15">
      <c r="A5" s="129" t="s">
        <v>342</v>
      </c>
      <c r="B5" s="130">
        <v>3</v>
      </c>
      <c r="C5" s="124" t="s">
        <v>343</v>
      </c>
      <c r="D5" s="126">
        <v>5</v>
      </c>
      <c r="E5" s="124" t="s">
        <v>344</v>
      </c>
      <c r="F5" s="125">
        <v>3</v>
      </c>
      <c r="G5" s="127"/>
      <c r="H5" s="128"/>
    </row>
    <row r="6" spans="1:8" ht="14.25" customHeight="1" x14ac:dyDescent="0.15">
      <c r="A6" s="124" t="s">
        <v>345</v>
      </c>
      <c r="B6" s="125">
        <v>2</v>
      </c>
      <c r="C6" s="124" t="s">
        <v>346</v>
      </c>
      <c r="D6" s="126">
        <v>3</v>
      </c>
      <c r="E6" s="124" t="s">
        <v>347</v>
      </c>
      <c r="F6" s="125">
        <v>2</v>
      </c>
      <c r="G6" s="127"/>
      <c r="H6" s="128"/>
    </row>
    <row r="7" spans="1:8" ht="14.25" customHeight="1" x14ac:dyDescent="0.15">
      <c r="A7" s="124" t="s">
        <v>348</v>
      </c>
      <c r="B7" s="125">
        <v>2</v>
      </c>
      <c r="C7" s="124" t="s">
        <v>349</v>
      </c>
      <c r="D7" s="126">
        <v>2</v>
      </c>
      <c r="E7" s="124" t="s">
        <v>350</v>
      </c>
      <c r="F7" s="125">
        <v>2</v>
      </c>
      <c r="G7" s="127"/>
      <c r="H7" s="128"/>
    </row>
    <row r="8" spans="1:8" ht="14.25" customHeight="1" x14ac:dyDescent="0.15">
      <c r="A8" s="124" t="s">
        <v>351</v>
      </c>
      <c r="B8" s="125">
        <v>2</v>
      </c>
      <c r="C8" s="124" t="s">
        <v>352</v>
      </c>
      <c r="D8" s="126">
        <v>2</v>
      </c>
      <c r="E8" s="124" t="s">
        <v>353</v>
      </c>
      <c r="F8" s="125">
        <v>1</v>
      </c>
      <c r="G8" s="127"/>
      <c r="H8" s="128"/>
    </row>
    <row r="9" spans="1:8" ht="14.25" customHeight="1" x14ac:dyDescent="0.15">
      <c r="A9" s="124" t="s">
        <v>354</v>
      </c>
      <c r="B9" s="125">
        <v>1</v>
      </c>
      <c r="C9" s="124" t="s">
        <v>355</v>
      </c>
      <c r="D9" s="126">
        <v>2</v>
      </c>
      <c r="E9" s="124" t="s">
        <v>356</v>
      </c>
      <c r="F9" s="125">
        <v>1</v>
      </c>
      <c r="G9" s="127"/>
      <c r="H9" s="128"/>
    </row>
    <row r="10" spans="1:8" ht="14.25" customHeight="1" x14ac:dyDescent="0.15">
      <c r="A10" s="124" t="s">
        <v>357</v>
      </c>
      <c r="B10" s="125">
        <v>1</v>
      </c>
      <c r="C10" s="124" t="s">
        <v>358</v>
      </c>
      <c r="D10" s="126">
        <v>2</v>
      </c>
      <c r="E10" s="124"/>
      <c r="F10" s="126"/>
      <c r="G10" s="127"/>
      <c r="H10" s="128"/>
    </row>
    <row r="11" spans="1:8" ht="14.25" customHeight="1" x14ac:dyDescent="0.15">
      <c r="A11" s="124" t="s">
        <v>359</v>
      </c>
      <c r="B11" s="125">
        <v>1</v>
      </c>
      <c r="C11" s="124" t="s">
        <v>89</v>
      </c>
      <c r="D11" s="126">
        <v>1</v>
      </c>
      <c r="E11" s="124"/>
      <c r="F11" s="126"/>
      <c r="G11" s="127"/>
      <c r="H11" s="128"/>
    </row>
    <row r="12" spans="1:8" ht="14.25" customHeight="1" x14ac:dyDescent="0.15">
      <c r="A12" s="124" t="s">
        <v>360</v>
      </c>
      <c r="B12" s="125">
        <v>1</v>
      </c>
      <c r="C12" s="124" t="s">
        <v>361</v>
      </c>
      <c r="D12" s="126">
        <v>1</v>
      </c>
      <c r="E12" s="124"/>
      <c r="F12" s="126"/>
      <c r="G12" s="127"/>
      <c r="H12" s="128"/>
    </row>
    <row r="13" spans="1:8" ht="14.25" customHeight="1" x14ac:dyDescent="0.15">
      <c r="A13" s="124" t="s">
        <v>362</v>
      </c>
      <c r="B13" s="125">
        <v>1</v>
      </c>
      <c r="C13" s="124" t="s">
        <v>363</v>
      </c>
      <c r="D13" s="126">
        <v>1</v>
      </c>
      <c r="E13" s="124"/>
      <c r="F13" s="126"/>
      <c r="G13" s="127"/>
      <c r="H13" s="128"/>
    </row>
    <row r="14" spans="1:8" ht="14.25" customHeight="1" x14ac:dyDescent="0.15">
      <c r="A14" s="124" t="s">
        <v>364</v>
      </c>
      <c r="B14" s="125">
        <v>1</v>
      </c>
      <c r="C14" s="124" t="s">
        <v>365</v>
      </c>
      <c r="D14" s="126">
        <v>1</v>
      </c>
      <c r="E14" s="124"/>
      <c r="F14" s="126"/>
      <c r="G14" s="127"/>
      <c r="H14" s="128"/>
    </row>
    <row r="15" spans="1:8" ht="14.25" customHeight="1" x14ac:dyDescent="0.15">
      <c r="A15" s="124" t="s">
        <v>366</v>
      </c>
      <c r="B15" s="125">
        <v>1</v>
      </c>
      <c r="C15" s="124" t="s">
        <v>367</v>
      </c>
      <c r="D15" s="126">
        <v>1</v>
      </c>
      <c r="E15" s="124"/>
      <c r="F15" s="126"/>
      <c r="G15" s="127"/>
      <c r="H15" s="128"/>
    </row>
    <row r="16" spans="1:8" ht="14.25" customHeight="1" x14ac:dyDescent="0.15">
      <c r="A16" s="131" t="s">
        <v>368</v>
      </c>
      <c r="B16" s="132">
        <v>1</v>
      </c>
      <c r="C16" s="131"/>
      <c r="D16" s="133"/>
      <c r="E16" s="131"/>
      <c r="F16" s="133"/>
      <c r="G16" s="134"/>
      <c r="H16" s="135"/>
    </row>
    <row r="17" spans="1:7" ht="14.25" customHeight="1" x14ac:dyDescent="0.15">
      <c r="C17" s="138"/>
      <c r="D17" s="138"/>
      <c r="G17" s="138"/>
    </row>
    <row r="18" spans="1:7" x14ac:dyDescent="0.15">
      <c r="C18" s="139"/>
      <c r="D18" s="139"/>
      <c r="E18" s="139"/>
      <c r="F18" s="140"/>
      <c r="G18" s="139"/>
    </row>
    <row r="19" spans="1:7" x14ac:dyDescent="0.15">
      <c r="C19" s="138"/>
      <c r="D19" s="138"/>
      <c r="E19" s="138"/>
      <c r="F19" s="141"/>
      <c r="G19" s="138"/>
    </row>
    <row r="20" spans="1:7" x14ac:dyDescent="0.15">
      <c r="A20" s="138"/>
      <c r="B20" s="141"/>
      <c r="C20" s="138"/>
      <c r="D20" s="138"/>
      <c r="G20" s="138"/>
    </row>
    <row r="21" spans="1:7" x14ac:dyDescent="0.15">
      <c r="C21" s="138"/>
      <c r="D21" s="138"/>
      <c r="E21" s="138"/>
      <c r="F21" s="141"/>
      <c r="G21" s="138"/>
    </row>
    <row r="22" spans="1:7" x14ac:dyDescent="0.15">
      <c r="C22" s="138"/>
      <c r="D22" s="138"/>
      <c r="E22" s="138"/>
      <c r="F22" s="141"/>
      <c r="G22" s="138"/>
    </row>
    <row r="23" spans="1:7" x14ac:dyDescent="0.15">
      <c r="A23" s="138"/>
      <c r="B23" s="141"/>
      <c r="C23" s="138"/>
      <c r="D23" s="138"/>
      <c r="G23" s="138"/>
    </row>
    <row r="24" spans="1:7" x14ac:dyDescent="0.15">
      <c r="C24" s="138"/>
      <c r="D24" s="138"/>
      <c r="E24" s="138"/>
      <c r="F24" s="141"/>
      <c r="G24" s="138"/>
    </row>
    <row r="25" spans="1:7" x14ac:dyDescent="0.15">
      <c r="C25" s="138"/>
      <c r="D25" s="138"/>
      <c r="E25" s="138"/>
      <c r="F25" s="141"/>
      <c r="G25" s="138"/>
    </row>
    <row r="26" spans="1:7" x14ac:dyDescent="0.15">
      <c r="A26" s="138"/>
      <c r="B26" s="141"/>
      <c r="C26" s="138"/>
      <c r="D26" s="138"/>
      <c r="E26" s="138"/>
      <c r="F26" s="138"/>
      <c r="G26" s="138"/>
    </row>
    <row r="27" spans="1:7" x14ac:dyDescent="0.15">
      <c r="A27" s="138"/>
      <c r="B27" s="141"/>
      <c r="C27" s="138"/>
      <c r="D27" s="138"/>
      <c r="E27" s="138"/>
      <c r="F27" s="138"/>
      <c r="G27" s="138"/>
    </row>
    <row r="28" spans="1:7" x14ac:dyDescent="0.15">
      <c r="A28" s="138"/>
      <c r="B28" s="141"/>
      <c r="C28" s="138"/>
      <c r="D28" s="138"/>
      <c r="E28" s="138"/>
      <c r="F28" s="138"/>
      <c r="G28" s="138"/>
    </row>
    <row r="29" spans="1:7" x14ac:dyDescent="0.15">
      <c r="A29" s="138"/>
      <c r="B29" s="141"/>
      <c r="C29" s="138"/>
      <c r="D29" s="138"/>
      <c r="E29" s="138"/>
      <c r="F29" s="138"/>
      <c r="G29" s="138"/>
    </row>
    <row r="30" spans="1:7" x14ac:dyDescent="0.15">
      <c r="A30" s="138"/>
      <c r="B30" s="141"/>
      <c r="C30" s="138"/>
      <c r="D30" s="138"/>
      <c r="E30" s="138"/>
      <c r="F30" s="138"/>
      <c r="G30" s="138"/>
    </row>
    <row r="31" spans="1:7" x14ac:dyDescent="0.15">
      <c r="A31" s="138"/>
      <c r="B31" s="141"/>
      <c r="C31" s="138"/>
      <c r="D31" s="138"/>
      <c r="E31" s="138"/>
      <c r="F31" s="138"/>
      <c r="G31" s="138"/>
    </row>
    <row r="32" spans="1:7" x14ac:dyDescent="0.15">
      <c r="A32" s="138"/>
      <c r="B32" s="141"/>
      <c r="C32" s="138"/>
      <c r="D32" s="138"/>
      <c r="E32" s="138"/>
      <c r="F32" s="138"/>
      <c r="G32" s="138"/>
    </row>
    <row r="33" spans="1:7" x14ac:dyDescent="0.15">
      <c r="A33" s="138"/>
      <c r="B33" s="141"/>
      <c r="C33" s="138"/>
      <c r="D33" s="138"/>
      <c r="E33" s="138"/>
      <c r="F33" s="138"/>
      <c r="G33" s="138"/>
    </row>
    <row r="34" spans="1:7" x14ac:dyDescent="0.15">
      <c r="A34" s="138"/>
      <c r="B34" s="141"/>
      <c r="C34" s="138"/>
      <c r="D34" s="138"/>
      <c r="E34" s="138"/>
      <c r="F34" s="138"/>
      <c r="G34" s="138"/>
    </row>
    <row r="35" spans="1:7" x14ac:dyDescent="0.15">
      <c r="A35" s="138"/>
      <c r="B35" s="141"/>
      <c r="C35" s="138"/>
      <c r="D35" s="138"/>
      <c r="E35" s="138"/>
      <c r="F35" s="138"/>
      <c r="G35" s="138"/>
    </row>
    <row r="36" spans="1:7" x14ac:dyDescent="0.15">
      <c r="A36" s="138"/>
      <c r="B36" s="141"/>
      <c r="C36" s="138"/>
      <c r="D36" s="138"/>
      <c r="E36" s="138"/>
      <c r="F36" s="138"/>
      <c r="G36" s="138"/>
    </row>
    <row r="37" spans="1:7" x14ac:dyDescent="0.15">
      <c r="A37" s="138"/>
      <c r="B37" s="141"/>
      <c r="C37" s="138"/>
      <c r="D37" s="138"/>
      <c r="E37" s="138"/>
      <c r="F37" s="138"/>
      <c r="G37" s="138"/>
    </row>
    <row r="38" spans="1:7" x14ac:dyDescent="0.15">
      <c r="A38" s="142"/>
      <c r="B38" s="143"/>
      <c r="C38" s="142"/>
      <c r="D38" s="142"/>
      <c r="E38" s="142"/>
      <c r="F38" s="142"/>
      <c r="G38" s="142"/>
    </row>
    <row r="39" spans="1:7" x14ac:dyDescent="0.15">
      <c r="A39" s="138"/>
      <c r="B39" s="141"/>
      <c r="C39" s="138"/>
      <c r="D39" s="138"/>
      <c r="E39" s="138"/>
      <c r="F39" s="138"/>
      <c r="G39" s="138"/>
    </row>
    <row r="40" spans="1:7" x14ac:dyDescent="0.15">
      <c r="A40" s="138"/>
      <c r="B40" s="141"/>
      <c r="C40" s="138"/>
      <c r="D40" s="138"/>
      <c r="E40" s="138"/>
      <c r="F40" s="138"/>
      <c r="G40" s="138"/>
    </row>
    <row r="41" spans="1:7" x14ac:dyDescent="0.15">
      <c r="A41" s="138"/>
      <c r="B41" s="141"/>
      <c r="C41" s="138"/>
      <c r="D41" s="138"/>
      <c r="E41" s="138"/>
      <c r="F41" s="138"/>
      <c r="G41" s="138"/>
    </row>
    <row r="42" spans="1:7" x14ac:dyDescent="0.15">
      <c r="A42" s="138"/>
      <c r="B42" s="141"/>
      <c r="C42" s="138"/>
      <c r="D42" s="138"/>
      <c r="E42" s="138"/>
      <c r="F42" s="138"/>
      <c r="G42" s="138"/>
    </row>
    <row r="43" spans="1:7" x14ac:dyDescent="0.15">
      <c r="A43" s="138"/>
      <c r="B43" s="141"/>
      <c r="C43" s="138"/>
      <c r="D43" s="138"/>
      <c r="E43" s="138"/>
      <c r="F43" s="138"/>
      <c r="G43" s="138"/>
    </row>
    <row r="44" spans="1:7" x14ac:dyDescent="0.15">
      <c r="A44" s="138"/>
      <c r="B44" s="141"/>
      <c r="C44" s="138"/>
      <c r="D44" s="138"/>
      <c r="E44" s="138"/>
      <c r="F44" s="138"/>
      <c r="G44" s="138"/>
    </row>
    <row r="45" spans="1:7" x14ac:dyDescent="0.15">
      <c r="A45" s="138"/>
      <c r="B45" s="141"/>
      <c r="C45" s="138"/>
      <c r="D45" s="138"/>
      <c r="E45" s="138"/>
      <c r="F45" s="138"/>
      <c r="G45" s="138"/>
    </row>
    <row r="46" spans="1:7" x14ac:dyDescent="0.15">
      <c r="A46" s="138"/>
      <c r="B46" s="141"/>
      <c r="C46" s="138"/>
      <c r="D46" s="138"/>
      <c r="E46" s="138"/>
      <c r="F46" s="138"/>
      <c r="G46" s="138"/>
    </row>
    <row r="47" spans="1:7" x14ac:dyDescent="0.15">
      <c r="A47" s="138"/>
      <c r="B47" s="141"/>
      <c r="C47" s="138"/>
      <c r="D47" s="138"/>
      <c r="E47" s="138"/>
      <c r="F47" s="138"/>
      <c r="G47" s="138"/>
    </row>
    <row r="48" spans="1:7" x14ac:dyDescent="0.15">
      <c r="A48" s="138"/>
      <c r="B48" s="141"/>
      <c r="C48" s="138"/>
      <c r="D48" s="138"/>
      <c r="E48" s="138"/>
      <c r="F48" s="138"/>
      <c r="G48" s="138"/>
    </row>
    <row r="49" spans="1:7" x14ac:dyDescent="0.15">
      <c r="A49" s="138"/>
      <c r="B49" s="141"/>
      <c r="C49" s="138"/>
      <c r="D49" s="138"/>
      <c r="E49" s="138"/>
      <c r="F49" s="138"/>
      <c r="G49" s="138"/>
    </row>
    <row r="50" spans="1:7" x14ac:dyDescent="0.15">
      <c r="A50" s="138"/>
      <c r="B50" s="141"/>
      <c r="C50" s="138"/>
      <c r="D50" s="138"/>
      <c r="E50" s="138"/>
      <c r="F50" s="138"/>
      <c r="G50" s="138"/>
    </row>
    <row r="51" spans="1:7" x14ac:dyDescent="0.15">
      <c r="A51" s="138"/>
      <c r="B51" s="141"/>
      <c r="C51" s="138"/>
      <c r="D51" s="138"/>
      <c r="E51" s="138"/>
      <c r="F51" s="138"/>
      <c r="G51" s="138"/>
    </row>
    <row r="52" spans="1:7" x14ac:dyDescent="0.15">
      <c r="A52" s="138"/>
      <c r="B52" s="141"/>
      <c r="C52" s="138"/>
      <c r="D52" s="138"/>
      <c r="E52" s="138"/>
      <c r="F52" s="138"/>
      <c r="G52" s="138"/>
    </row>
    <row r="53" spans="1:7" x14ac:dyDescent="0.15">
      <c r="A53" s="138"/>
      <c r="B53" s="141"/>
      <c r="C53" s="138"/>
      <c r="D53" s="138"/>
      <c r="E53" s="138"/>
      <c r="F53" s="138"/>
      <c r="G53" s="138"/>
    </row>
    <row r="54" spans="1:7" x14ac:dyDescent="0.15">
      <c r="A54" s="138"/>
      <c r="B54" s="141"/>
      <c r="C54" s="138"/>
      <c r="D54" s="138"/>
      <c r="E54" s="138"/>
      <c r="F54" s="138"/>
      <c r="G54" s="138"/>
    </row>
    <row r="55" spans="1:7" x14ac:dyDescent="0.15">
      <c r="A55" s="138"/>
      <c r="B55" s="141"/>
      <c r="C55" s="138"/>
      <c r="D55" s="138"/>
      <c r="E55" s="138"/>
      <c r="F55" s="138"/>
      <c r="G55" s="138"/>
    </row>
    <row r="56" spans="1:7" x14ac:dyDescent="0.15">
      <c r="A56" s="138"/>
      <c r="B56" s="141"/>
      <c r="C56" s="138"/>
      <c r="D56" s="138"/>
      <c r="E56" s="138"/>
      <c r="F56" s="138"/>
      <c r="G56" s="138"/>
    </row>
    <row r="57" spans="1:7" x14ac:dyDescent="0.15">
      <c r="A57" s="138"/>
      <c r="B57" s="141"/>
      <c r="C57" s="138"/>
      <c r="D57" s="138"/>
      <c r="E57" s="138"/>
      <c r="F57" s="138"/>
      <c r="G57" s="138"/>
    </row>
    <row r="58" spans="1:7" x14ac:dyDescent="0.15">
      <c r="A58" s="138"/>
      <c r="B58" s="141"/>
      <c r="C58" s="138"/>
      <c r="D58" s="138"/>
      <c r="E58" s="138"/>
      <c r="F58" s="138"/>
      <c r="G58" s="138"/>
    </row>
    <row r="59" spans="1:7" x14ac:dyDescent="0.15">
      <c r="A59" s="138"/>
      <c r="B59" s="141"/>
      <c r="C59" s="138"/>
      <c r="D59" s="138"/>
      <c r="E59" s="138"/>
      <c r="F59" s="138"/>
      <c r="G59" s="138"/>
    </row>
    <row r="60" spans="1:7" x14ac:dyDescent="0.15">
      <c r="A60" s="138"/>
      <c r="B60" s="141"/>
      <c r="C60" s="138"/>
      <c r="D60" s="138"/>
      <c r="E60" s="138"/>
      <c r="F60" s="138"/>
      <c r="G60" s="138"/>
    </row>
    <row r="61" spans="1:7" x14ac:dyDescent="0.15">
      <c r="A61" s="138"/>
      <c r="B61" s="141"/>
      <c r="C61" s="138"/>
      <c r="D61" s="138"/>
      <c r="E61" s="138"/>
      <c r="F61" s="138"/>
      <c r="G61" s="138"/>
    </row>
    <row r="62" spans="1:7" ht="12" customHeight="1" x14ac:dyDescent="0.15">
      <c r="A62" s="139"/>
      <c r="B62" s="140"/>
      <c r="C62" s="139"/>
      <c r="D62" s="139"/>
      <c r="E62" s="139"/>
      <c r="F62" s="139"/>
      <c r="G62" s="139"/>
    </row>
    <row r="63" spans="1:7" x14ac:dyDescent="0.15">
      <c r="A63" s="138"/>
      <c r="B63" s="141"/>
      <c r="C63" s="138"/>
      <c r="D63" s="138"/>
      <c r="E63" s="138"/>
      <c r="F63" s="138"/>
      <c r="G63" s="138"/>
    </row>
    <row r="64" spans="1:7" x14ac:dyDescent="0.15">
      <c r="A64" s="138"/>
      <c r="B64" s="141"/>
      <c r="C64" s="138"/>
      <c r="D64" s="138"/>
      <c r="E64" s="138"/>
      <c r="F64" s="138"/>
      <c r="G64" s="138"/>
    </row>
    <row r="65" spans="1:7" x14ac:dyDescent="0.15">
      <c r="A65" s="138"/>
      <c r="B65" s="141"/>
      <c r="C65" s="138"/>
      <c r="D65" s="138"/>
      <c r="E65" s="138"/>
      <c r="F65" s="138"/>
      <c r="G65" s="138"/>
    </row>
    <row r="66" spans="1:7" x14ac:dyDescent="0.15">
      <c r="A66" s="138"/>
      <c r="B66" s="141"/>
      <c r="C66" s="138"/>
      <c r="D66" s="138"/>
      <c r="E66" s="138"/>
      <c r="F66" s="138"/>
      <c r="G66" s="138"/>
    </row>
    <row r="67" spans="1:7" x14ac:dyDescent="0.15">
      <c r="A67" s="138"/>
      <c r="B67" s="141"/>
      <c r="C67" s="138"/>
      <c r="D67" s="138"/>
      <c r="E67" s="138"/>
      <c r="F67" s="138"/>
      <c r="G67" s="138"/>
    </row>
    <row r="68" spans="1:7" x14ac:dyDescent="0.15">
      <c r="A68" s="138"/>
      <c r="B68" s="141"/>
      <c r="C68" s="138"/>
      <c r="D68" s="138"/>
      <c r="E68" s="138"/>
      <c r="F68" s="138"/>
      <c r="G68" s="138"/>
    </row>
    <row r="69" spans="1:7" x14ac:dyDescent="0.15">
      <c r="A69" s="138"/>
      <c r="B69" s="141"/>
      <c r="C69" s="138"/>
      <c r="D69" s="138"/>
      <c r="E69" s="138"/>
      <c r="F69" s="138"/>
      <c r="G69" s="138"/>
    </row>
    <row r="70" spans="1:7" x14ac:dyDescent="0.15">
      <c r="A70" s="138"/>
      <c r="B70" s="141"/>
      <c r="C70" s="138"/>
      <c r="D70" s="138"/>
      <c r="E70" s="138"/>
      <c r="F70" s="138"/>
      <c r="G70" s="138"/>
    </row>
    <row r="71" spans="1:7" x14ac:dyDescent="0.15">
      <c r="A71" s="138"/>
      <c r="B71" s="141"/>
      <c r="C71" s="138"/>
      <c r="D71" s="138"/>
      <c r="E71" s="138"/>
      <c r="F71" s="138"/>
      <c r="G71" s="138"/>
    </row>
    <row r="72" spans="1:7" x14ac:dyDescent="0.15">
      <c r="A72" s="138"/>
      <c r="B72" s="141"/>
      <c r="C72" s="138"/>
      <c r="D72" s="138"/>
      <c r="E72" s="138"/>
      <c r="F72" s="138"/>
      <c r="G72" s="138"/>
    </row>
    <row r="73" spans="1:7" x14ac:dyDescent="0.15">
      <c r="A73" s="138"/>
      <c r="B73" s="141"/>
      <c r="C73" s="138"/>
      <c r="D73" s="138"/>
      <c r="E73" s="138"/>
      <c r="F73" s="138"/>
      <c r="G73" s="138"/>
    </row>
    <row r="74" spans="1:7" x14ac:dyDescent="0.15">
      <c r="A74" s="138"/>
      <c r="B74" s="141"/>
      <c r="C74" s="138"/>
      <c r="D74" s="138"/>
      <c r="E74" s="138"/>
      <c r="F74" s="138"/>
      <c r="G74" s="138"/>
    </row>
    <row r="75" spans="1:7" x14ac:dyDescent="0.15">
      <c r="A75" s="138"/>
      <c r="B75" s="141"/>
      <c r="C75" s="138"/>
      <c r="D75" s="138"/>
      <c r="E75" s="138"/>
      <c r="F75" s="138"/>
      <c r="G75" s="138"/>
    </row>
    <row r="76" spans="1:7" x14ac:dyDescent="0.15">
      <c r="A76" s="138"/>
      <c r="B76" s="141"/>
      <c r="C76" s="138"/>
      <c r="D76" s="138"/>
      <c r="E76" s="138"/>
      <c r="F76" s="138"/>
      <c r="G76" s="138"/>
    </row>
    <row r="77" spans="1:7" x14ac:dyDescent="0.15">
      <c r="A77" s="138"/>
      <c r="B77" s="141"/>
      <c r="C77" s="138"/>
      <c r="D77" s="138"/>
      <c r="E77" s="138"/>
      <c r="F77" s="138"/>
      <c r="G77" s="138"/>
    </row>
    <row r="78" spans="1:7" x14ac:dyDescent="0.15">
      <c r="A78" s="138"/>
      <c r="B78" s="141"/>
      <c r="C78" s="138"/>
      <c r="D78" s="138"/>
      <c r="E78" s="138"/>
      <c r="F78" s="138"/>
      <c r="G78" s="138"/>
    </row>
    <row r="79" spans="1:7" x14ac:dyDescent="0.15">
      <c r="A79" s="138"/>
      <c r="B79" s="141"/>
      <c r="C79" s="138"/>
      <c r="D79" s="138"/>
      <c r="E79" s="138"/>
      <c r="F79" s="138"/>
      <c r="G79" s="138"/>
    </row>
    <row r="80" spans="1:7" x14ac:dyDescent="0.15">
      <c r="A80" s="138"/>
      <c r="B80" s="141"/>
      <c r="C80" s="138"/>
      <c r="D80" s="138"/>
      <c r="E80" s="138"/>
      <c r="F80" s="138"/>
      <c r="G80" s="138"/>
    </row>
    <row r="81" spans="1:7" x14ac:dyDescent="0.15">
      <c r="A81" s="138"/>
      <c r="B81" s="141"/>
      <c r="C81" s="138"/>
      <c r="D81" s="138"/>
      <c r="E81" s="138"/>
      <c r="F81" s="138"/>
      <c r="G81" s="138"/>
    </row>
    <row r="82" spans="1:7" x14ac:dyDescent="0.15">
      <c r="A82" s="138"/>
      <c r="B82" s="141"/>
      <c r="C82" s="138"/>
      <c r="D82" s="138"/>
      <c r="E82" s="138"/>
      <c r="F82" s="138"/>
      <c r="G82" s="138"/>
    </row>
    <row r="83" spans="1:7" x14ac:dyDescent="0.15">
      <c r="A83" s="138"/>
      <c r="B83" s="141"/>
      <c r="C83" s="138"/>
      <c r="D83" s="138"/>
      <c r="E83" s="138"/>
      <c r="F83" s="138"/>
      <c r="G83" s="138"/>
    </row>
    <row r="84" spans="1:7" x14ac:dyDescent="0.15">
      <c r="A84" s="138"/>
      <c r="B84" s="141"/>
      <c r="C84" s="138"/>
      <c r="D84" s="138"/>
      <c r="E84" s="138"/>
      <c r="F84" s="138"/>
      <c r="G84" s="138"/>
    </row>
    <row r="85" spans="1:7" x14ac:dyDescent="0.15">
      <c r="A85" s="138"/>
      <c r="B85" s="141"/>
      <c r="C85" s="138"/>
      <c r="D85" s="138"/>
      <c r="E85" s="138"/>
      <c r="F85" s="138"/>
      <c r="G85" s="138"/>
    </row>
    <row r="86" spans="1:7" x14ac:dyDescent="0.15">
      <c r="A86" s="138"/>
      <c r="B86" s="141"/>
      <c r="C86" s="138"/>
      <c r="D86" s="138"/>
      <c r="E86" s="138"/>
      <c r="F86" s="138"/>
      <c r="G86" s="138"/>
    </row>
    <row r="87" spans="1:7" x14ac:dyDescent="0.15">
      <c r="A87" s="138"/>
      <c r="B87" s="141"/>
      <c r="C87" s="138"/>
      <c r="D87" s="138"/>
      <c r="E87" s="138"/>
      <c r="F87" s="138"/>
      <c r="G87" s="138"/>
    </row>
    <row r="88" spans="1:7" x14ac:dyDescent="0.15">
      <c r="A88" s="139"/>
      <c r="B88" s="140"/>
      <c r="C88" s="139"/>
      <c r="D88" s="139"/>
      <c r="E88" s="139"/>
      <c r="F88" s="139"/>
      <c r="G88" s="139"/>
    </row>
    <row r="89" spans="1:7" x14ac:dyDescent="0.15">
      <c r="A89" s="138"/>
      <c r="B89" s="141"/>
      <c r="C89" s="138"/>
      <c r="D89" s="138"/>
      <c r="E89" s="138"/>
      <c r="F89" s="138"/>
      <c r="G89" s="138"/>
    </row>
    <row r="90" spans="1:7" x14ac:dyDescent="0.15">
      <c r="A90" s="138"/>
      <c r="B90" s="141"/>
      <c r="C90" s="138"/>
      <c r="D90" s="138"/>
      <c r="E90" s="138"/>
      <c r="F90" s="138"/>
      <c r="G90" s="138"/>
    </row>
    <row r="91" spans="1:7" x14ac:dyDescent="0.15">
      <c r="A91" s="138"/>
      <c r="B91" s="141"/>
      <c r="C91" s="138"/>
      <c r="D91" s="138"/>
      <c r="E91" s="138"/>
      <c r="F91" s="138"/>
      <c r="G91" s="138"/>
    </row>
    <row r="92" spans="1:7" x14ac:dyDescent="0.15">
      <c r="A92" s="138"/>
      <c r="B92" s="141"/>
      <c r="C92" s="138"/>
      <c r="D92" s="138"/>
      <c r="E92" s="138"/>
      <c r="F92" s="138"/>
      <c r="G92" s="138"/>
    </row>
    <row r="93" spans="1:7" ht="29.25" customHeight="1" x14ac:dyDescent="0.15"/>
    <row r="100" ht="14.25" customHeight="1" x14ac:dyDescent="0.15"/>
    <row r="117" ht="18.75" customHeight="1" x14ac:dyDescent="0.15"/>
    <row r="127" ht="14.25" customHeight="1" x14ac:dyDescent="0.15"/>
  </sheetData>
  <mergeCells count="4">
    <mergeCell ref="A1:B1"/>
    <mergeCell ref="C1:D1"/>
    <mergeCell ref="E1:F1"/>
    <mergeCell ref="G1:H1"/>
  </mergeCells>
  <phoneticPr fontId="1"/>
  <pageMargins left="0.7" right="0.7" top="0.75" bottom="0.75" header="0.3" footer="0.3"/>
  <pageSetup paperSize="9" scale="8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G48"/>
  <sheetViews>
    <sheetView view="pageBreakPreview" zoomScale="60" zoomScaleNormal="100" workbookViewId="0"/>
  </sheetViews>
  <sheetFormatPr defaultRowHeight="14.25" x14ac:dyDescent="0.15"/>
  <cols>
    <col min="1" max="1" width="104.5" customWidth="1"/>
    <col min="3" max="3" width="56" bestFit="1" customWidth="1"/>
  </cols>
  <sheetData>
    <row r="1" spans="1:7" ht="30" customHeight="1" x14ac:dyDescent="0.2">
      <c r="A1" s="157" t="s">
        <v>234</v>
      </c>
      <c r="B1" s="6"/>
      <c r="D1" s="6"/>
      <c r="E1" s="6"/>
      <c r="F1" s="6"/>
      <c r="G1" s="6"/>
    </row>
    <row r="2" spans="1:7" ht="16.5" customHeight="1" x14ac:dyDescent="0.2">
      <c r="A2" s="55"/>
      <c r="B2" s="6"/>
      <c r="D2" s="6"/>
      <c r="E2" s="6"/>
      <c r="F2" s="6"/>
      <c r="G2" s="6"/>
    </row>
    <row r="3" spans="1:7" s="145" customFormat="1" ht="30" customHeight="1" x14ac:dyDescent="0.15">
      <c r="A3" s="148" t="s">
        <v>378</v>
      </c>
      <c r="B3" s="148"/>
      <c r="D3" s="148"/>
      <c r="E3" s="148"/>
      <c r="F3" s="148"/>
      <c r="G3" s="148"/>
    </row>
    <row r="4" spans="1:7" s="145" customFormat="1" ht="16.5" customHeight="1" x14ac:dyDescent="0.15">
      <c r="A4" s="148"/>
      <c r="B4" s="148"/>
      <c r="D4" s="148"/>
      <c r="E4" s="148"/>
      <c r="F4" s="148"/>
      <c r="G4" s="148"/>
    </row>
    <row r="5" spans="1:7" s="145" customFormat="1" ht="30" customHeight="1" x14ac:dyDescent="0.15">
      <c r="A5" s="153" t="s">
        <v>369</v>
      </c>
      <c r="B5" s="148"/>
      <c r="D5" s="148"/>
      <c r="E5" s="148"/>
      <c r="F5" s="148"/>
      <c r="G5" s="148"/>
    </row>
    <row r="6" spans="1:7" s="145" customFormat="1" ht="50.1" customHeight="1" x14ac:dyDescent="0.15">
      <c r="A6" s="154" t="s">
        <v>370</v>
      </c>
      <c r="B6" s="148"/>
      <c r="C6" s="148"/>
      <c r="D6" s="148"/>
      <c r="E6" s="148"/>
      <c r="F6" s="148"/>
      <c r="G6" s="148"/>
    </row>
    <row r="7" spans="1:7" s="145" customFormat="1" ht="30" customHeight="1" x14ac:dyDescent="0.15">
      <c r="A7" s="155" t="s">
        <v>371</v>
      </c>
      <c r="B7" s="148"/>
      <c r="C7" s="150"/>
      <c r="D7" s="148"/>
      <c r="E7" s="148"/>
      <c r="F7" s="148"/>
      <c r="G7" s="148"/>
    </row>
    <row r="8" spans="1:7" s="145" customFormat="1" ht="30" customHeight="1" x14ac:dyDescent="0.15">
      <c r="A8" s="155" t="s">
        <v>372</v>
      </c>
      <c r="B8" s="148"/>
      <c r="C8" s="150"/>
      <c r="D8" s="148"/>
      <c r="E8" s="148"/>
      <c r="F8" s="148"/>
      <c r="G8" s="148"/>
    </row>
    <row r="9" spans="1:7" s="145" customFormat="1" ht="30" customHeight="1" x14ac:dyDescent="0.15">
      <c r="A9" s="155" t="s">
        <v>373</v>
      </c>
      <c r="B9" s="148"/>
      <c r="C9" s="150"/>
      <c r="D9" s="150"/>
      <c r="E9" s="148"/>
      <c r="F9" s="148"/>
      <c r="G9" s="148"/>
    </row>
    <row r="10" spans="1:7" s="145" customFormat="1" ht="30" customHeight="1" x14ac:dyDescent="0.15">
      <c r="A10" s="155" t="s">
        <v>374</v>
      </c>
      <c r="B10" s="149"/>
      <c r="C10" s="149"/>
      <c r="D10" s="149"/>
      <c r="E10" s="149"/>
      <c r="F10" s="149"/>
      <c r="G10" s="149"/>
    </row>
    <row r="11" spans="1:7" s="145" customFormat="1" ht="50.1" customHeight="1" x14ac:dyDescent="0.15">
      <c r="A11" s="156" t="s">
        <v>375</v>
      </c>
      <c r="B11" s="148"/>
      <c r="C11" s="148"/>
      <c r="D11" s="148"/>
      <c r="E11" s="148"/>
      <c r="F11" s="148"/>
      <c r="G11" s="148"/>
    </row>
    <row r="12" spans="1:7" s="145" customFormat="1" ht="30" customHeight="1" x14ac:dyDescent="0.15">
      <c r="A12" s="151"/>
      <c r="B12" s="148"/>
      <c r="C12" s="148"/>
      <c r="D12" s="148"/>
      <c r="E12" s="148"/>
      <c r="F12" s="148"/>
      <c r="G12" s="148"/>
    </row>
    <row r="13" spans="1:7" s="145" customFormat="1" ht="30" customHeight="1" x14ac:dyDescent="0.15">
      <c r="A13" s="155" t="s">
        <v>376</v>
      </c>
      <c r="B13" s="148"/>
      <c r="C13" s="148"/>
      <c r="D13" s="148"/>
      <c r="E13" s="148"/>
      <c r="F13" s="148"/>
      <c r="G13" s="148"/>
    </row>
    <row r="14" spans="1:7" s="145" customFormat="1" ht="30" customHeight="1" x14ac:dyDescent="0.15">
      <c r="A14" s="155" t="s">
        <v>377</v>
      </c>
      <c r="B14" s="148"/>
      <c r="C14" s="148"/>
      <c r="D14" s="148"/>
      <c r="E14" s="148"/>
      <c r="F14" s="148"/>
      <c r="G14" s="148"/>
    </row>
    <row r="15" spans="1:7" s="145" customFormat="1" ht="30" customHeight="1" x14ac:dyDescent="0.15">
      <c r="A15" s="152"/>
      <c r="B15" s="147"/>
      <c r="C15" s="147"/>
      <c r="D15" s="147"/>
      <c r="E15" s="147"/>
      <c r="F15" s="147"/>
      <c r="G15" s="147"/>
    </row>
    <row r="16" spans="1:7" s="145" customFormat="1" ht="30" customHeight="1" x14ac:dyDescent="0.15">
      <c r="A16" s="146"/>
      <c r="B16" s="148"/>
      <c r="C16" s="148"/>
      <c r="D16" s="148"/>
      <c r="E16" s="148"/>
      <c r="F16" s="148"/>
      <c r="G16" s="148"/>
    </row>
    <row r="17" spans="1:7" s="145" customFormat="1" ht="30" customHeight="1" x14ac:dyDescent="0.15">
      <c r="A17" s="146"/>
      <c r="B17" s="148"/>
      <c r="C17" s="148"/>
      <c r="D17" s="148"/>
      <c r="E17" s="148"/>
      <c r="F17" s="148"/>
      <c r="G17" s="148"/>
    </row>
    <row r="18" spans="1:7" s="145" customFormat="1" ht="30" customHeight="1" x14ac:dyDescent="0.15">
      <c r="A18" s="146"/>
      <c r="B18" s="148"/>
      <c r="C18" s="148"/>
      <c r="D18" s="148"/>
      <c r="E18" s="148"/>
      <c r="F18" s="148"/>
      <c r="G18" s="148"/>
    </row>
    <row r="19" spans="1:7" s="145" customFormat="1" ht="30" customHeight="1" x14ac:dyDescent="0.15">
      <c r="B19" s="148"/>
      <c r="C19" s="148"/>
      <c r="D19" s="148"/>
      <c r="E19" s="148"/>
      <c r="F19" s="148"/>
      <c r="G19" s="148"/>
    </row>
    <row r="20" spans="1:7" s="145" customFormat="1" ht="30" customHeight="1" x14ac:dyDescent="0.15">
      <c r="A20" s="146"/>
      <c r="B20" s="148"/>
      <c r="C20" s="148"/>
      <c r="D20" s="148"/>
      <c r="E20" s="148"/>
      <c r="F20" s="148"/>
      <c r="G20" s="148"/>
    </row>
    <row r="21" spans="1:7" s="145" customFormat="1" ht="30" customHeight="1" x14ac:dyDescent="0.15">
      <c r="A21" s="146"/>
      <c r="B21" s="148"/>
      <c r="C21" s="148"/>
      <c r="D21" s="148"/>
      <c r="E21" s="148"/>
      <c r="F21" s="148"/>
      <c r="G21" s="148"/>
    </row>
    <row r="22" spans="1:7" s="145" customFormat="1" ht="30" customHeight="1" x14ac:dyDescent="0.15">
      <c r="A22" s="146"/>
      <c r="B22" s="148"/>
      <c r="C22" s="148"/>
      <c r="D22" s="148"/>
      <c r="E22" s="148"/>
      <c r="F22" s="148"/>
      <c r="G22" s="148"/>
    </row>
    <row r="23" spans="1:7" x14ac:dyDescent="0.15">
      <c r="A23" s="28"/>
      <c r="B23" s="6"/>
      <c r="C23" s="6"/>
      <c r="D23" s="6"/>
      <c r="E23" s="6"/>
      <c r="F23" s="6"/>
      <c r="G23" s="6"/>
    </row>
    <row r="24" spans="1:7" x14ac:dyDescent="0.15">
      <c r="A24" s="28"/>
      <c r="B24" s="6"/>
      <c r="C24" s="6"/>
      <c r="D24" s="6"/>
      <c r="E24" s="6"/>
      <c r="F24" s="6"/>
      <c r="G24" s="6"/>
    </row>
    <row r="25" spans="1:7" x14ac:dyDescent="0.15">
      <c r="A25" s="28"/>
      <c r="B25" s="6"/>
      <c r="C25" s="6"/>
      <c r="D25" s="6"/>
      <c r="E25" s="6"/>
      <c r="F25" s="6"/>
      <c r="G25" s="6"/>
    </row>
    <row r="26" spans="1:7" x14ac:dyDescent="0.15">
      <c r="A26" s="747"/>
      <c r="B26" s="747"/>
      <c r="C26" s="747"/>
      <c r="D26" s="747"/>
      <c r="E26" s="747"/>
      <c r="F26" s="747"/>
      <c r="G26" s="747"/>
    </row>
    <row r="27" spans="1:7" x14ac:dyDescent="0.15">
      <c r="A27" s="144"/>
      <c r="B27" s="144"/>
      <c r="C27" s="144"/>
      <c r="D27" s="144"/>
      <c r="E27" s="144"/>
      <c r="F27" s="144"/>
      <c r="G27" s="144"/>
    </row>
    <row r="28" spans="1:7" x14ac:dyDescent="0.15">
      <c r="A28" s="28"/>
      <c r="B28" s="6"/>
      <c r="C28" s="6"/>
      <c r="D28" s="6"/>
      <c r="E28" s="6"/>
      <c r="F28" s="6"/>
      <c r="G28" s="6"/>
    </row>
    <row r="29" spans="1:7" x14ac:dyDescent="0.15">
      <c r="B29" s="6"/>
      <c r="C29" s="6"/>
      <c r="D29" s="6"/>
      <c r="E29" s="6"/>
      <c r="F29" s="6"/>
      <c r="G29" s="6"/>
    </row>
    <row r="30" spans="1:7" x14ac:dyDescent="0.15">
      <c r="A30" s="28"/>
      <c r="B30" s="6"/>
      <c r="C30" s="6"/>
      <c r="D30" s="6"/>
      <c r="E30" s="6"/>
      <c r="F30" s="6"/>
      <c r="G30" s="6"/>
    </row>
    <row r="31" spans="1:7" x14ac:dyDescent="0.15">
      <c r="A31" s="28"/>
      <c r="B31" s="6"/>
      <c r="C31" s="6"/>
      <c r="D31" s="6"/>
      <c r="E31" s="6"/>
      <c r="F31" s="6"/>
      <c r="G31" s="6"/>
    </row>
    <row r="32" spans="1:7" x14ac:dyDescent="0.15">
      <c r="A32" s="28"/>
      <c r="B32" s="6"/>
      <c r="C32" s="6"/>
      <c r="D32" s="6"/>
      <c r="E32" s="6"/>
      <c r="F32" s="6"/>
      <c r="G32" s="6"/>
    </row>
    <row r="33" spans="1:7" x14ac:dyDescent="0.15">
      <c r="B33" s="6"/>
      <c r="C33" s="6"/>
      <c r="D33" s="6"/>
      <c r="E33" s="6"/>
      <c r="F33" s="6"/>
      <c r="G33" s="6"/>
    </row>
    <row r="34" spans="1:7" x14ac:dyDescent="0.15">
      <c r="A34" s="28"/>
      <c r="B34" s="6"/>
      <c r="C34" s="6"/>
      <c r="D34" s="6"/>
      <c r="E34" s="6"/>
      <c r="F34" s="6"/>
      <c r="G34" s="6"/>
    </row>
    <row r="35" spans="1:7" x14ac:dyDescent="0.15">
      <c r="A35" s="747"/>
      <c r="B35" s="747"/>
      <c r="C35" s="747"/>
      <c r="D35" s="747"/>
      <c r="E35" s="747"/>
      <c r="F35" s="747"/>
      <c r="G35" s="747"/>
    </row>
    <row r="36" spans="1:7" x14ac:dyDescent="0.15">
      <c r="B36" s="6"/>
      <c r="C36" s="6"/>
      <c r="D36" s="6"/>
      <c r="E36" s="6"/>
      <c r="F36" s="6"/>
      <c r="G36" s="6"/>
    </row>
    <row r="37" spans="1:7" x14ac:dyDescent="0.15">
      <c r="A37" s="28"/>
      <c r="B37" s="6"/>
      <c r="C37" s="6"/>
      <c r="D37" s="6"/>
      <c r="E37" s="6"/>
      <c r="F37" s="6"/>
      <c r="G37" s="6"/>
    </row>
    <row r="38" spans="1:7" x14ac:dyDescent="0.15">
      <c r="A38" s="28"/>
      <c r="B38" s="6"/>
      <c r="C38" s="6"/>
      <c r="D38" s="6"/>
      <c r="E38" s="6"/>
      <c r="F38" s="6"/>
      <c r="G38" s="6"/>
    </row>
    <row r="39" spans="1:7" x14ac:dyDescent="0.15">
      <c r="A39" s="28"/>
      <c r="B39" s="6"/>
      <c r="C39" s="6"/>
      <c r="D39" s="6"/>
      <c r="E39" s="6"/>
      <c r="F39" s="6"/>
      <c r="G39" s="6"/>
    </row>
    <row r="40" spans="1:7" x14ac:dyDescent="0.15">
      <c r="B40" s="6"/>
      <c r="C40" s="6"/>
      <c r="D40" s="6"/>
      <c r="E40" s="6"/>
      <c r="F40" s="6"/>
      <c r="G40" s="6"/>
    </row>
    <row r="41" spans="1:7" x14ac:dyDescent="0.15">
      <c r="A41" s="28"/>
      <c r="B41" s="6"/>
      <c r="C41" s="6"/>
      <c r="D41" s="6"/>
      <c r="E41" s="6"/>
      <c r="F41" s="6"/>
      <c r="G41" s="6"/>
    </row>
    <row r="42" spans="1:7" x14ac:dyDescent="0.15">
      <c r="A42" s="28"/>
      <c r="B42" s="6"/>
      <c r="C42" s="6"/>
      <c r="D42" s="6"/>
      <c r="E42" s="6"/>
      <c r="F42" s="6"/>
      <c r="G42" s="6"/>
    </row>
    <row r="43" spans="1:7" x14ac:dyDescent="0.15">
      <c r="B43" s="6"/>
      <c r="C43" s="6"/>
      <c r="D43" s="6"/>
      <c r="E43" s="6"/>
      <c r="F43" s="6"/>
      <c r="G43" s="6"/>
    </row>
    <row r="44" spans="1:7" x14ac:dyDescent="0.15">
      <c r="B44" s="144"/>
      <c r="C44" s="144"/>
      <c r="D44" s="144"/>
      <c r="E44" s="144"/>
      <c r="F44" s="144"/>
      <c r="G44" s="144"/>
    </row>
    <row r="45" spans="1:7" x14ac:dyDescent="0.15">
      <c r="A45" s="28"/>
      <c r="B45" s="6"/>
      <c r="C45" s="6"/>
      <c r="D45" s="6"/>
      <c r="E45" s="6"/>
      <c r="F45" s="6"/>
      <c r="G45" s="6"/>
    </row>
    <row r="46" spans="1:7" x14ac:dyDescent="0.15">
      <c r="A46" s="28"/>
      <c r="B46" s="6"/>
      <c r="C46" s="6"/>
      <c r="D46" s="6"/>
      <c r="E46" s="6"/>
      <c r="F46" s="6"/>
      <c r="G46" s="6"/>
    </row>
    <row r="47" spans="1:7" x14ac:dyDescent="0.15">
      <c r="A47" s="6"/>
      <c r="B47" s="6"/>
      <c r="C47" s="6"/>
      <c r="D47" s="6"/>
      <c r="E47" s="6"/>
      <c r="F47" s="6"/>
      <c r="G47" s="6"/>
    </row>
    <row r="48" spans="1:7" x14ac:dyDescent="0.15">
      <c r="A48" s="10"/>
      <c r="B48" s="10"/>
      <c r="C48" s="10"/>
      <c r="D48" s="10"/>
      <c r="E48" s="10"/>
      <c r="F48" s="10"/>
      <c r="G48" s="10"/>
    </row>
  </sheetData>
  <mergeCells count="2">
    <mergeCell ref="A26:G26"/>
    <mergeCell ref="A35:G35"/>
  </mergeCells>
  <phoneticPr fontId="1"/>
  <pageMargins left="0.7" right="0.7" top="0.75" bottom="0.75" header="0.3" footer="0.3"/>
  <pageSetup paperSize="9" scale="9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6"/>
  <sheetViews>
    <sheetView tabSelected="1" view="pageBreakPreview" zoomScale="80" zoomScaleNormal="80" zoomScaleSheetLayoutView="80" workbookViewId="0"/>
  </sheetViews>
  <sheetFormatPr defaultColWidth="14.625" defaultRowHeight="20.100000000000001" customHeight="1" x14ac:dyDescent="0.15"/>
  <cols>
    <col min="1" max="1" width="2.625" style="158" customWidth="1"/>
    <col min="2" max="2" width="14.625" style="158" customWidth="1"/>
    <col min="3" max="12" width="10.625" style="158" customWidth="1"/>
    <col min="13" max="16384" width="14.625" style="158"/>
  </cols>
  <sheetData>
    <row r="1" spans="1:13" ht="20.100000000000001" customHeight="1" x14ac:dyDescent="0.15">
      <c r="A1" s="166" t="s">
        <v>0</v>
      </c>
    </row>
    <row r="2" spans="1:13" ht="20.100000000000001" customHeight="1" x14ac:dyDescent="0.15">
      <c r="A2" s="166" t="s">
        <v>567</v>
      </c>
    </row>
    <row r="3" spans="1:13" ht="20.100000000000001" customHeight="1" x14ac:dyDescent="0.15">
      <c r="B3" s="166"/>
    </row>
    <row r="4" spans="1:13" ht="20.100000000000001" customHeight="1" thickBot="1" x14ac:dyDescent="0.2">
      <c r="B4" s="158" t="s">
        <v>568</v>
      </c>
    </row>
    <row r="5" spans="1:13" ht="20.100000000000001" customHeight="1" thickBot="1" x14ac:dyDescent="0.2">
      <c r="B5" s="207"/>
      <c r="C5" s="672" t="s">
        <v>21</v>
      </c>
      <c r="D5" s="674"/>
      <c r="E5" s="233" t="s">
        <v>20</v>
      </c>
      <c r="F5" s="672" t="s">
        <v>19</v>
      </c>
      <c r="G5" s="674"/>
      <c r="H5" s="672" t="s">
        <v>18</v>
      </c>
      <c r="I5" s="674"/>
      <c r="J5" s="672" t="s">
        <v>17</v>
      </c>
      <c r="K5" s="673"/>
      <c r="L5" s="674"/>
    </row>
    <row r="6" spans="1:13" ht="20.100000000000001" customHeight="1" thickBot="1" x14ac:dyDescent="0.2">
      <c r="B6" s="208"/>
      <c r="C6" s="164" t="s">
        <v>38</v>
      </c>
      <c r="D6" s="165" t="s">
        <v>39</v>
      </c>
      <c r="E6" s="234" t="s">
        <v>39</v>
      </c>
      <c r="F6" s="164" t="s">
        <v>38</v>
      </c>
      <c r="G6" s="183" t="s">
        <v>39</v>
      </c>
      <c r="H6" s="164" t="s">
        <v>38</v>
      </c>
      <c r="I6" s="183" t="s">
        <v>39</v>
      </c>
      <c r="J6" s="164" t="s">
        <v>38</v>
      </c>
      <c r="K6" s="183" t="s">
        <v>39</v>
      </c>
      <c r="L6" s="184" t="s">
        <v>17</v>
      </c>
    </row>
    <row r="7" spans="1:13" ht="20.100000000000001" customHeight="1" thickTop="1" x14ac:dyDescent="0.15">
      <c r="B7" s="209" t="s">
        <v>245</v>
      </c>
      <c r="C7" s="374">
        <v>5</v>
      </c>
      <c r="D7" s="375">
        <v>34</v>
      </c>
      <c r="E7" s="376">
        <v>10</v>
      </c>
      <c r="F7" s="374">
        <v>184</v>
      </c>
      <c r="G7" s="377">
        <v>2116.5</v>
      </c>
      <c r="H7" s="374">
        <v>15</v>
      </c>
      <c r="I7" s="377">
        <v>77</v>
      </c>
      <c r="J7" s="378">
        <v>204</v>
      </c>
      <c r="K7" s="379">
        <v>2237.5</v>
      </c>
      <c r="L7" s="210">
        <v>2441.5</v>
      </c>
    </row>
    <row r="8" spans="1:13" ht="20.100000000000001" customHeight="1" thickBot="1" x14ac:dyDescent="0.2">
      <c r="B8" s="186" t="s">
        <v>246</v>
      </c>
      <c r="C8" s="380">
        <v>0</v>
      </c>
      <c r="D8" s="381">
        <v>25</v>
      </c>
      <c r="E8" s="343">
        <v>26</v>
      </c>
      <c r="F8" s="380">
        <v>41</v>
      </c>
      <c r="G8" s="373">
        <v>1395.4</v>
      </c>
      <c r="H8" s="380">
        <v>11</v>
      </c>
      <c r="I8" s="382">
        <v>79</v>
      </c>
      <c r="J8" s="367">
        <v>52</v>
      </c>
      <c r="K8" s="373">
        <v>1525.4</v>
      </c>
      <c r="L8" s="211">
        <v>1577.4</v>
      </c>
    </row>
    <row r="9" spans="1:13" ht="20.100000000000001" customHeight="1" thickTop="1" thickBot="1" x14ac:dyDescent="0.2">
      <c r="B9" s="187" t="s">
        <v>247</v>
      </c>
      <c r="C9" s="212">
        <v>5</v>
      </c>
      <c r="D9" s="215">
        <v>59</v>
      </c>
      <c r="E9" s="235">
        <v>36</v>
      </c>
      <c r="F9" s="212">
        <v>225</v>
      </c>
      <c r="G9" s="213">
        <v>3511.9</v>
      </c>
      <c r="H9" s="212">
        <v>26</v>
      </c>
      <c r="I9" s="213">
        <v>156</v>
      </c>
      <c r="J9" s="212">
        <v>256</v>
      </c>
      <c r="K9" s="213">
        <v>3762.9</v>
      </c>
      <c r="L9" s="214">
        <v>4018.9</v>
      </c>
    </row>
    <row r="11" spans="1:13" ht="20.100000000000001" customHeight="1" thickBot="1" x14ac:dyDescent="0.2">
      <c r="B11" s="158" t="s">
        <v>569</v>
      </c>
      <c r="H11" s="175"/>
      <c r="I11" s="216"/>
      <c r="J11" s="216"/>
    </row>
    <row r="12" spans="1:13" ht="20.100000000000001" customHeight="1" thickBot="1" x14ac:dyDescent="0.2">
      <c r="B12" s="203" t="s">
        <v>74</v>
      </c>
      <c r="C12" s="236" t="s">
        <v>75</v>
      </c>
      <c r="D12" s="232" t="s">
        <v>76</v>
      </c>
      <c r="E12" s="232" t="s">
        <v>77</v>
      </c>
      <c r="F12" s="232" t="s">
        <v>423</v>
      </c>
      <c r="G12" s="238" t="s">
        <v>424</v>
      </c>
      <c r="H12" s="232" t="s">
        <v>425</v>
      </c>
      <c r="I12" s="239" t="s">
        <v>426</v>
      </c>
      <c r="J12" s="237" t="s">
        <v>387</v>
      </c>
      <c r="K12" s="203" t="s">
        <v>17</v>
      </c>
      <c r="L12" s="216"/>
      <c r="M12" s="216"/>
    </row>
    <row r="13" spans="1:13" ht="20.100000000000001" customHeight="1" thickTop="1" x14ac:dyDescent="0.15">
      <c r="B13" s="217" t="s">
        <v>245</v>
      </c>
      <c r="C13" s="463">
        <v>672</v>
      </c>
      <c r="D13" s="360">
        <v>291</v>
      </c>
      <c r="E13" s="360">
        <v>79</v>
      </c>
      <c r="F13" s="360">
        <v>370</v>
      </c>
      <c r="G13" s="360">
        <v>6</v>
      </c>
      <c r="H13" s="360">
        <v>28</v>
      </c>
      <c r="I13" s="372">
        <v>155</v>
      </c>
      <c r="J13" s="372">
        <v>7</v>
      </c>
      <c r="K13" s="465">
        <v>1608</v>
      </c>
      <c r="L13" s="216"/>
      <c r="M13" s="216"/>
    </row>
    <row r="14" spans="1:13" ht="20.100000000000001" customHeight="1" thickBot="1" x14ac:dyDescent="0.2">
      <c r="B14" s="186" t="s">
        <v>246</v>
      </c>
      <c r="C14" s="464">
        <v>331</v>
      </c>
      <c r="D14" s="368">
        <v>153</v>
      </c>
      <c r="E14" s="368">
        <v>45</v>
      </c>
      <c r="F14" s="368">
        <v>256</v>
      </c>
      <c r="G14" s="368">
        <v>0</v>
      </c>
      <c r="H14" s="368">
        <v>24</v>
      </c>
      <c r="I14" s="373">
        <v>22</v>
      </c>
      <c r="J14" s="373">
        <v>10</v>
      </c>
      <c r="K14" s="466">
        <v>841</v>
      </c>
      <c r="L14" s="216"/>
      <c r="M14" s="216"/>
    </row>
    <row r="15" spans="1:13" ht="20.100000000000001" customHeight="1" thickTop="1" thickBot="1" x14ac:dyDescent="0.2">
      <c r="B15" s="187" t="s">
        <v>247</v>
      </c>
      <c r="C15" s="218">
        <v>1003</v>
      </c>
      <c r="D15" s="218">
        <v>444</v>
      </c>
      <c r="E15" s="218">
        <v>124</v>
      </c>
      <c r="F15" s="218">
        <v>626</v>
      </c>
      <c r="G15" s="218">
        <v>6</v>
      </c>
      <c r="H15" s="218">
        <v>52</v>
      </c>
      <c r="I15" s="218">
        <v>177</v>
      </c>
      <c r="J15" s="218">
        <v>17</v>
      </c>
      <c r="K15" s="220">
        <v>2449</v>
      </c>
      <c r="M15" s="216"/>
    </row>
    <row r="17" spans="2:11" ht="20.100000000000001" customHeight="1" x14ac:dyDescent="0.15">
      <c r="B17" s="188" t="s">
        <v>556</v>
      </c>
      <c r="C17" s="179"/>
      <c r="D17" s="178"/>
      <c r="E17" s="179"/>
      <c r="H17" s="179"/>
      <c r="I17" s="179"/>
    </row>
    <row r="18" spans="2:11" ht="20.100000000000001" customHeight="1" x14ac:dyDescent="0.15">
      <c r="B18" s="622" t="s">
        <v>558</v>
      </c>
      <c r="C18" s="623" t="s">
        <v>529</v>
      </c>
      <c r="D18" s="624"/>
      <c r="E18" s="624"/>
      <c r="F18" s="625"/>
      <c r="G18" s="625"/>
      <c r="H18" s="625"/>
      <c r="I18" s="626"/>
    </row>
    <row r="19" spans="2:11" ht="20.100000000000001" customHeight="1" x14ac:dyDescent="0.15">
      <c r="B19" s="621" t="s">
        <v>557</v>
      </c>
      <c r="C19" s="197" t="s">
        <v>530</v>
      </c>
      <c r="D19" s="221"/>
      <c r="E19" s="221"/>
      <c r="F19" s="240"/>
      <c r="G19" s="240"/>
      <c r="H19" s="240"/>
      <c r="I19" s="189"/>
    </row>
    <row r="20" spans="2:11" ht="20.100000000000001" customHeight="1" x14ac:dyDescent="0.15">
      <c r="B20" s="188"/>
      <c r="C20" s="177"/>
      <c r="D20" s="222"/>
      <c r="E20" s="222"/>
      <c r="F20" s="163"/>
      <c r="G20" s="163"/>
      <c r="H20" s="163"/>
      <c r="I20" s="163"/>
      <c r="J20" s="163"/>
      <c r="K20" s="163"/>
    </row>
    <row r="21" spans="2:11" ht="20.100000000000001" customHeight="1" thickBot="1" x14ac:dyDescent="0.2">
      <c r="B21" s="158" t="s">
        <v>570</v>
      </c>
    </row>
    <row r="22" spans="2:11" ht="20.100000000000001" customHeight="1" thickBot="1" x14ac:dyDescent="0.2">
      <c r="B22" s="182"/>
      <c r="C22" s="404" t="s">
        <v>408</v>
      </c>
      <c r="D22" s="399" t="s">
        <v>409</v>
      </c>
      <c r="E22" s="399" t="s">
        <v>410</v>
      </c>
      <c r="F22" s="399" t="s">
        <v>411</v>
      </c>
      <c r="G22" s="399" t="s">
        <v>412</v>
      </c>
      <c r="H22" s="401" t="s">
        <v>78</v>
      </c>
      <c r="I22" s="203" t="s">
        <v>17</v>
      </c>
    </row>
    <row r="23" spans="2:11" ht="20.100000000000001" customHeight="1" thickTop="1" x14ac:dyDescent="0.15">
      <c r="B23" s="410" t="s">
        <v>413</v>
      </c>
      <c r="C23" s="467">
        <v>222</v>
      </c>
      <c r="D23" s="371">
        <v>799</v>
      </c>
      <c r="E23" s="371">
        <v>1617</v>
      </c>
      <c r="F23" s="371">
        <v>1092</v>
      </c>
      <c r="G23" s="371">
        <v>298</v>
      </c>
      <c r="H23" s="377">
        <v>44</v>
      </c>
      <c r="I23" s="468">
        <v>4072</v>
      </c>
    </row>
    <row r="24" spans="2:11" ht="20.100000000000001" customHeight="1" x14ac:dyDescent="0.15">
      <c r="B24" s="445" t="s">
        <v>2</v>
      </c>
      <c r="C24" s="577">
        <v>5.4518664047151277E-2</v>
      </c>
      <c r="D24" s="577">
        <v>0.1962180746561886</v>
      </c>
      <c r="E24" s="577">
        <v>0.39710216110019647</v>
      </c>
      <c r="F24" s="577">
        <v>0.26817288801571709</v>
      </c>
      <c r="G24" s="577">
        <v>7.3182711198428285E-2</v>
      </c>
      <c r="H24" s="577">
        <v>1.0805500982318271E-2</v>
      </c>
      <c r="I24" s="578">
        <v>1</v>
      </c>
    </row>
    <row r="25" spans="2:11" ht="20.100000000000001" customHeight="1" thickBot="1" x14ac:dyDescent="0.2">
      <c r="B25" s="449" t="s">
        <v>532</v>
      </c>
      <c r="C25" s="579">
        <v>4.7E-2</v>
      </c>
      <c r="D25" s="580">
        <v>0.20699999999999999</v>
      </c>
      <c r="E25" s="580">
        <v>0.40400000000000003</v>
      </c>
      <c r="F25" s="581">
        <v>0.25800000000000001</v>
      </c>
      <c r="G25" s="581">
        <v>7.3999999999999996E-2</v>
      </c>
      <c r="H25" s="582">
        <v>0.01</v>
      </c>
      <c r="I25" s="583">
        <v>1</v>
      </c>
    </row>
    <row r="26" spans="2:11" ht="20.100000000000001" customHeight="1" x14ac:dyDescent="0.15">
      <c r="C26" s="575"/>
      <c r="D26" s="575"/>
      <c r="E26" s="575"/>
      <c r="F26" s="576"/>
      <c r="G26" s="576"/>
      <c r="H26" s="576"/>
      <c r="I26" s="576"/>
    </row>
  </sheetData>
  <mergeCells count="4">
    <mergeCell ref="J5:L5"/>
    <mergeCell ref="C5:D5"/>
    <mergeCell ref="F5:G5"/>
    <mergeCell ref="H5:I5"/>
  </mergeCells>
  <phoneticPr fontId="1"/>
  <pageMargins left="1.0236220472440944" right="0.23622047244094491" top="0.55118110236220474" bottom="0.55118110236220474" header="0.31496062992125984" footer="0.31496062992125984"/>
  <pageSetup paperSize="9" scale="75" firstPageNumber="3" orientation="landscape" r:id="rId1"/>
  <headerFooter scaleWithDoc="0" alignWithMargins="0">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J22"/>
  <sheetViews>
    <sheetView view="pageBreakPreview" zoomScale="90" zoomScaleNormal="80" zoomScaleSheetLayoutView="90" workbookViewId="0"/>
  </sheetViews>
  <sheetFormatPr defaultColWidth="9" defaultRowHeight="14.25" x14ac:dyDescent="0.15"/>
  <cols>
    <col min="1" max="10" width="17.625" style="10" customWidth="1"/>
    <col min="11" max="16384" width="9" style="10"/>
  </cols>
  <sheetData>
    <row r="1" spans="1:10" ht="30" customHeight="1" thickBot="1" x14ac:dyDescent="0.2">
      <c r="A1" s="10" t="s">
        <v>283</v>
      </c>
    </row>
    <row r="2" spans="1:10" ht="30" customHeight="1" thickBot="1" x14ac:dyDescent="0.2">
      <c r="A2" s="675" t="s">
        <v>23</v>
      </c>
      <c r="B2" s="682" t="s">
        <v>22</v>
      </c>
      <c r="C2" s="683"/>
      <c r="D2" s="682" t="s">
        <v>24</v>
      </c>
      <c r="E2" s="683"/>
      <c r="F2" s="682" t="s">
        <v>25</v>
      </c>
      <c r="G2" s="683"/>
    </row>
    <row r="3" spans="1:10" ht="65.099999999999994" customHeight="1" thickBot="1" x14ac:dyDescent="0.2">
      <c r="A3" s="676"/>
      <c r="B3" s="60" t="s">
        <v>297</v>
      </c>
      <c r="C3" s="60" t="s">
        <v>298</v>
      </c>
      <c r="D3" s="60" t="s">
        <v>297</v>
      </c>
      <c r="E3" s="60" t="s">
        <v>298</v>
      </c>
      <c r="F3" s="60" t="s">
        <v>297</v>
      </c>
      <c r="G3" s="60" t="s">
        <v>298</v>
      </c>
    </row>
    <row r="4" spans="1:10" ht="35.1" customHeight="1" thickTop="1" x14ac:dyDescent="0.15">
      <c r="A4" s="11" t="s">
        <v>21</v>
      </c>
      <c r="B4" s="12">
        <v>0.17391304347826086</v>
      </c>
      <c r="C4" s="12">
        <v>0.12698412698412698</v>
      </c>
      <c r="D4" s="12">
        <v>0.23636363636363636</v>
      </c>
      <c r="E4" s="12">
        <v>0.11904761904761904</v>
      </c>
      <c r="F4" s="12">
        <v>3.9215686274509803E-2</v>
      </c>
      <c r="G4" s="12">
        <v>0.14285714285714285</v>
      </c>
    </row>
    <row r="5" spans="1:10" ht="35.1" customHeight="1" x14ac:dyDescent="0.15">
      <c r="A5" s="13" t="s">
        <v>20</v>
      </c>
      <c r="B5" s="14">
        <v>0.15384615384615385</v>
      </c>
      <c r="C5" s="14">
        <v>0</v>
      </c>
      <c r="D5" s="14">
        <v>0</v>
      </c>
      <c r="E5" s="14">
        <v>0</v>
      </c>
      <c r="F5" s="14">
        <v>0.18181818181818182</v>
      </c>
      <c r="G5" s="14">
        <v>0</v>
      </c>
    </row>
    <row r="6" spans="1:10" ht="35.1" customHeight="1" x14ac:dyDescent="0.15">
      <c r="A6" s="13" t="s">
        <v>19</v>
      </c>
      <c r="B6" s="14">
        <v>0.18615107913669066</v>
      </c>
      <c r="C6" s="14">
        <v>0.18121853844818608</v>
      </c>
      <c r="D6" s="14">
        <v>0.17750202319935257</v>
      </c>
      <c r="E6" s="14">
        <v>0.1723507917174178</v>
      </c>
      <c r="F6" s="14">
        <v>0.196964586846543</v>
      </c>
      <c r="G6" s="14">
        <v>0.19297537343560758</v>
      </c>
    </row>
    <row r="7" spans="1:10" ht="35.1" customHeight="1" thickBot="1" x14ac:dyDescent="0.2">
      <c r="A7" s="108" t="s">
        <v>18</v>
      </c>
      <c r="B7" s="109">
        <v>0.31438127090301005</v>
      </c>
      <c r="C7" s="109">
        <v>0.27564102564102566</v>
      </c>
      <c r="D7" s="109">
        <v>0.22727272727272727</v>
      </c>
      <c r="E7" s="109">
        <v>0.34328358208955223</v>
      </c>
      <c r="F7" s="109">
        <v>0.38323353293413176</v>
      </c>
      <c r="G7" s="109">
        <v>0.2247191011235955</v>
      </c>
    </row>
    <row r="8" spans="1:10" ht="35.1" customHeight="1" x14ac:dyDescent="0.15">
      <c r="A8" s="6"/>
      <c r="B8" s="6"/>
      <c r="C8" s="6"/>
      <c r="D8" s="6"/>
      <c r="E8" s="6"/>
      <c r="F8" s="6"/>
      <c r="G8" s="6"/>
      <c r="H8" s="6"/>
      <c r="I8" s="6"/>
      <c r="J8" s="6"/>
    </row>
    <row r="9" spans="1:10" ht="30" customHeight="1" thickBot="1" x14ac:dyDescent="0.2">
      <c r="A9" s="10" t="s">
        <v>282</v>
      </c>
    </row>
    <row r="10" spans="1:10" ht="30" customHeight="1" thickBot="1" x14ac:dyDescent="0.2">
      <c r="A10" s="677" t="s">
        <v>26</v>
      </c>
      <c r="B10" s="679" t="s">
        <v>244</v>
      </c>
      <c r="C10" s="680"/>
      <c r="D10" s="681"/>
      <c r="E10" s="684" t="s">
        <v>22</v>
      </c>
      <c r="F10" s="683"/>
      <c r="G10" s="682" t="s">
        <v>24</v>
      </c>
      <c r="H10" s="683"/>
      <c r="I10" s="682" t="s">
        <v>25</v>
      </c>
      <c r="J10" s="683"/>
    </row>
    <row r="11" spans="1:10" ht="65.099999999999994" customHeight="1" thickBot="1" x14ac:dyDescent="0.2">
      <c r="A11" s="678"/>
      <c r="B11" s="64" t="s">
        <v>299</v>
      </c>
      <c r="C11" s="65" t="s">
        <v>300</v>
      </c>
      <c r="D11" s="69" t="s">
        <v>301</v>
      </c>
      <c r="E11" s="60" t="s">
        <v>297</v>
      </c>
      <c r="F11" s="60" t="s">
        <v>298</v>
      </c>
      <c r="G11" s="60" t="s">
        <v>297</v>
      </c>
      <c r="H11" s="60" t="s">
        <v>298</v>
      </c>
      <c r="I11" s="60" t="s">
        <v>297</v>
      </c>
      <c r="J11" s="60" t="s">
        <v>298</v>
      </c>
    </row>
    <row r="12" spans="1:10" ht="35.1" customHeight="1" thickTop="1" x14ac:dyDescent="0.15">
      <c r="A12" s="15" t="s">
        <v>27</v>
      </c>
      <c r="B12" s="63">
        <v>229</v>
      </c>
      <c r="C12" s="62">
        <v>180</v>
      </c>
      <c r="D12" s="70">
        <v>49</v>
      </c>
      <c r="E12" s="61">
        <v>0.1768538628606888</v>
      </c>
      <c r="F12" s="77">
        <v>0.156515034695451</v>
      </c>
      <c r="G12" s="16">
        <v>0.16475972540045766</v>
      </c>
      <c r="H12" s="16">
        <v>0.14530500342700481</v>
      </c>
      <c r="I12" s="16">
        <v>0.19118644067796611</v>
      </c>
      <c r="J12" s="16">
        <v>0.17092511013215858</v>
      </c>
    </row>
    <row r="13" spans="1:10" ht="35.1" customHeight="1" x14ac:dyDescent="0.15">
      <c r="A13" s="13" t="s">
        <v>28</v>
      </c>
      <c r="B13" s="63">
        <v>62</v>
      </c>
      <c r="C13" s="62">
        <v>59</v>
      </c>
      <c r="D13" s="70">
        <v>3</v>
      </c>
      <c r="E13" s="61">
        <v>0.20987654320987653</v>
      </c>
      <c r="F13" s="77">
        <v>0.18274111675126903</v>
      </c>
      <c r="G13" s="16">
        <v>0.22261484098939929</v>
      </c>
      <c r="H13" s="16">
        <v>0.18683651804670912</v>
      </c>
      <c r="I13" s="16">
        <v>0.19211822660098521</v>
      </c>
      <c r="J13" s="16">
        <v>0.17665615141955837</v>
      </c>
    </row>
    <row r="14" spans="1:10" ht="35.1" customHeight="1" x14ac:dyDescent="0.15">
      <c r="A14" s="13" t="s">
        <v>29</v>
      </c>
      <c r="B14" s="63">
        <v>37</v>
      </c>
      <c r="C14" s="62">
        <v>38</v>
      </c>
      <c r="D14" s="70">
        <v>-1</v>
      </c>
      <c r="E14" s="61">
        <v>0.19775280898876405</v>
      </c>
      <c r="F14" s="77">
        <v>0.19006479481641469</v>
      </c>
      <c r="G14" s="16">
        <v>0.16535433070866143</v>
      </c>
      <c r="H14" s="68">
        <v>0.1811320754716981</v>
      </c>
      <c r="I14" s="16">
        <v>0.24083769633507854</v>
      </c>
      <c r="J14" s="16">
        <v>0.20202020202020202</v>
      </c>
    </row>
    <row r="15" spans="1:10" ht="35.1" customHeight="1" x14ac:dyDescent="0.15">
      <c r="A15" s="13" t="s">
        <v>30</v>
      </c>
      <c r="B15" s="63">
        <v>43</v>
      </c>
      <c r="C15" s="62">
        <v>43</v>
      </c>
      <c r="D15" s="70">
        <v>0</v>
      </c>
      <c r="E15" s="61">
        <v>0.19140625</v>
      </c>
      <c r="F15" s="77">
        <v>0.17422867513611615</v>
      </c>
      <c r="G15" s="16">
        <v>0.16666666666666666</v>
      </c>
      <c r="H15" s="16">
        <v>0.1553398058252427</v>
      </c>
      <c r="I15" s="16">
        <v>0.22641509433962265</v>
      </c>
      <c r="J15" s="16">
        <v>0.19834710743801653</v>
      </c>
    </row>
    <row r="16" spans="1:10" ht="35.1" customHeight="1" x14ac:dyDescent="0.15">
      <c r="A16" s="13" t="s">
        <v>31</v>
      </c>
      <c r="B16" s="63">
        <v>36</v>
      </c>
      <c r="C16" s="62">
        <v>34</v>
      </c>
      <c r="D16" s="70">
        <v>2</v>
      </c>
      <c r="E16" s="61">
        <v>0.25384615384615383</v>
      </c>
      <c r="F16" s="77">
        <v>0.19844357976653695</v>
      </c>
      <c r="G16" s="16">
        <v>0.27272727272727271</v>
      </c>
      <c r="H16" s="16">
        <v>0.20567375886524822</v>
      </c>
      <c r="I16" s="16">
        <v>0.23076923076923078</v>
      </c>
      <c r="J16" s="16">
        <v>0.18965517241379309</v>
      </c>
    </row>
    <row r="17" spans="1:10" ht="35.1" customHeight="1" x14ac:dyDescent="0.15">
      <c r="A17" s="13" t="s">
        <v>32</v>
      </c>
      <c r="B17" s="63">
        <v>37</v>
      </c>
      <c r="C17" s="62">
        <v>34</v>
      </c>
      <c r="D17" s="70">
        <v>3</v>
      </c>
      <c r="E17" s="61">
        <v>0.16044776119402984</v>
      </c>
      <c r="F17" s="68">
        <v>0.21973094170403587</v>
      </c>
      <c r="G17" s="16">
        <v>0.16140350877192983</v>
      </c>
      <c r="H17" s="68">
        <v>0.22033898305084745</v>
      </c>
      <c r="I17" s="16">
        <v>0.15936254980079681</v>
      </c>
      <c r="J17" s="68">
        <v>0.21904761904761905</v>
      </c>
    </row>
    <row r="18" spans="1:10" ht="35.1" customHeight="1" x14ac:dyDescent="0.15">
      <c r="A18" s="13" t="s">
        <v>33</v>
      </c>
      <c r="B18" s="63">
        <v>54</v>
      </c>
      <c r="C18" s="62">
        <v>50</v>
      </c>
      <c r="D18" s="70">
        <v>4</v>
      </c>
      <c r="E18" s="61">
        <v>0.21568627450980393</v>
      </c>
      <c r="F18" s="68">
        <v>0.25378787878787878</v>
      </c>
      <c r="G18" s="16">
        <v>0.17438692098092642</v>
      </c>
      <c r="H18" s="68">
        <v>0.26993865030674846</v>
      </c>
      <c r="I18" s="16">
        <v>0.27755102040816326</v>
      </c>
      <c r="J18" s="16">
        <v>0.22772277227722773</v>
      </c>
    </row>
    <row r="19" spans="1:10" ht="35.1" customHeight="1" thickBot="1" x14ac:dyDescent="0.2">
      <c r="A19" s="108" t="s">
        <v>34</v>
      </c>
      <c r="B19" s="110">
        <v>21</v>
      </c>
      <c r="C19" s="111">
        <v>25</v>
      </c>
      <c r="D19" s="112">
        <v>-4</v>
      </c>
      <c r="E19" s="113">
        <v>0.1723076923076923</v>
      </c>
      <c r="F19" s="114">
        <v>0.23423423423423423</v>
      </c>
      <c r="G19" s="109">
        <v>0.13793103448275862</v>
      </c>
      <c r="H19" s="114">
        <v>0.17948717948717949</v>
      </c>
      <c r="I19" s="109">
        <v>0.2</v>
      </c>
      <c r="J19" s="114">
        <v>0.2824858757062147</v>
      </c>
    </row>
    <row r="20" spans="1:10" ht="30" customHeight="1" x14ac:dyDescent="0.15"/>
    <row r="21" spans="1:10" ht="20.100000000000001" customHeight="1" x14ac:dyDescent="0.15"/>
    <row r="22" spans="1:10" ht="20.100000000000001" customHeight="1" x14ac:dyDescent="0.15"/>
  </sheetData>
  <mergeCells count="9">
    <mergeCell ref="A2:A3"/>
    <mergeCell ref="A10:A11"/>
    <mergeCell ref="B10:D10"/>
    <mergeCell ref="F2:G2"/>
    <mergeCell ref="I10:J10"/>
    <mergeCell ref="E10:F10"/>
    <mergeCell ref="B2:C2"/>
    <mergeCell ref="G10:H10"/>
    <mergeCell ref="D2:E2"/>
  </mergeCells>
  <phoneticPr fontId="1"/>
  <printOptions horizontalCentered="1" verticalCentered="1"/>
  <pageMargins left="0.25" right="0.25" top="0.75" bottom="0.75" header="0.3" footer="0.3"/>
  <pageSetup paperSize="9" scale="74"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63"/>
  <sheetViews>
    <sheetView view="pageBreakPreview" zoomScale="80" zoomScaleNormal="80" zoomScaleSheetLayoutView="80" workbookViewId="0"/>
  </sheetViews>
  <sheetFormatPr defaultColWidth="14.625" defaultRowHeight="20.100000000000001" customHeight="1" x14ac:dyDescent="0.15"/>
  <cols>
    <col min="1" max="1" width="2.75" style="158" customWidth="1"/>
    <col min="2" max="2" width="16" style="158" customWidth="1"/>
    <col min="3" max="14" width="14.375" style="158" customWidth="1"/>
    <col min="15" max="16384" width="14.625" style="158"/>
  </cols>
  <sheetData>
    <row r="1" spans="1:17" ht="20.100000000000001" customHeight="1" x14ac:dyDescent="0.15">
      <c r="A1" s="166" t="s">
        <v>427</v>
      </c>
      <c r="D1" s="305" t="s">
        <v>467</v>
      </c>
      <c r="E1" s="306"/>
    </row>
    <row r="2" spans="1:17" ht="20.100000000000001" customHeight="1" x14ac:dyDescent="0.15">
      <c r="B2" s="166"/>
      <c r="D2" s="469" t="s">
        <v>559</v>
      </c>
      <c r="E2" s="305" t="s">
        <v>468</v>
      </c>
    </row>
    <row r="3" spans="1:17" ht="20.100000000000001" customHeight="1" thickBot="1" x14ac:dyDescent="0.2">
      <c r="B3" s="158" t="s">
        <v>571</v>
      </c>
      <c r="D3" s="469" t="s">
        <v>560</v>
      </c>
      <c r="E3" s="305" t="s">
        <v>469</v>
      </c>
    </row>
    <row r="4" spans="1:17" ht="20.100000000000001" customHeight="1" x14ac:dyDescent="0.15">
      <c r="B4" s="696" t="s">
        <v>74</v>
      </c>
      <c r="C4" s="692" t="s">
        <v>22</v>
      </c>
      <c r="D4" s="693"/>
      <c r="E4" s="693"/>
      <c r="F4" s="694"/>
      <c r="G4" s="692" t="s">
        <v>24</v>
      </c>
      <c r="H4" s="693"/>
      <c r="I4" s="693"/>
      <c r="J4" s="694"/>
      <c r="K4" s="692" t="s">
        <v>25</v>
      </c>
      <c r="L4" s="693"/>
      <c r="M4" s="693"/>
      <c r="N4" s="694"/>
    </row>
    <row r="5" spans="1:17" ht="19.5" customHeight="1" thickBot="1" x14ac:dyDescent="0.2">
      <c r="B5" s="697"/>
      <c r="C5" s="167" t="s">
        <v>465</v>
      </c>
      <c r="D5" s="223" t="s">
        <v>466</v>
      </c>
      <c r="E5" s="223" t="s">
        <v>565</v>
      </c>
      <c r="F5" s="168" t="s">
        <v>546</v>
      </c>
      <c r="G5" s="167" t="s">
        <v>465</v>
      </c>
      <c r="H5" s="223" t="s">
        <v>466</v>
      </c>
      <c r="I5" s="223" t="s">
        <v>565</v>
      </c>
      <c r="J5" s="168" t="s">
        <v>546</v>
      </c>
      <c r="K5" s="167" t="s">
        <v>465</v>
      </c>
      <c r="L5" s="223" t="s">
        <v>466</v>
      </c>
      <c r="M5" s="223" t="s">
        <v>565</v>
      </c>
      <c r="N5" s="168" t="s">
        <v>547</v>
      </c>
    </row>
    <row r="6" spans="1:17" ht="20.100000000000001" customHeight="1" thickTop="1" x14ac:dyDescent="0.15">
      <c r="B6" s="224" t="s">
        <v>21</v>
      </c>
      <c r="C6" s="359">
        <v>64</v>
      </c>
      <c r="D6" s="360">
        <v>49</v>
      </c>
      <c r="E6" s="243">
        <v>8</v>
      </c>
      <c r="F6" s="584">
        <v>0.1415929203539823</v>
      </c>
      <c r="G6" s="359">
        <v>39</v>
      </c>
      <c r="H6" s="360">
        <v>30</v>
      </c>
      <c r="I6" s="360">
        <v>6</v>
      </c>
      <c r="J6" s="584">
        <v>0.17391304347826086</v>
      </c>
      <c r="K6" s="359">
        <v>25</v>
      </c>
      <c r="L6" s="360">
        <v>19</v>
      </c>
      <c r="M6" s="360">
        <v>2</v>
      </c>
      <c r="N6" s="584">
        <v>9.0909090909090912E-2</v>
      </c>
    </row>
    <row r="7" spans="1:17" ht="20.100000000000001" customHeight="1" x14ac:dyDescent="0.15">
      <c r="B7" s="194" t="s">
        <v>20</v>
      </c>
      <c r="C7" s="359">
        <v>36</v>
      </c>
      <c r="D7" s="360">
        <v>39</v>
      </c>
      <c r="E7" s="243">
        <v>2</v>
      </c>
      <c r="F7" s="584">
        <v>5.3333333333333337E-2</v>
      </c>
      <c r="G7" s="362">
        <v>10</v>
      </c>
      <c r="H7" s="363">
        <v>9</v>
      </c>
      <c r="I7" s="363">
        <v>1</v>
      </c>
      <c r="J7" s="584">
        <v>0.10526315789473684</v>
      </c>
      <c r="K7" s="362">
        <v>26</v>
      </c>
      <c r="L7" s="363">
        <v>30</v>
      </c>
      <c r="M7" s="363">
        <v>1</v>
      </c>
      <c r="N7" s="584">
        <v>3.5714285714285712E-2</v>
      </c>
    </row>
    <row r="8" spans="1:17" ht="20.100000000000001" customHeight="1" x14ac:dyDescent="0.15">
      <c r="B8" s="194" t="s">
        <v>19</v>
      </c>
      <c r="C8" s="359">
        <v>3736.9</v>
      </c>
      <c r="D8" s="360">
        <v>3967</v>
      </c>
      <c r="E8" s="243">
        <v>706</v>
      </c>
      <c r="F8" s="584">
        <v>0.18328379132647102</v>
      </c>
      <c r="G8" s="362">
        <v>2300.5</v>
      </c>
      <c r="H8" s="363">
        <v>2445</v>
      </c>
      <c r="I8" s="363">
        <v>406</v>
      </c>
      <c r="J8" s="584">
        <v>0.171109472131493</v>
      </c>
      <c r="K8" s="362">
        <v>1436.4</v>
      </c>
      <c r="L8" s="363">
        <v>1522</v>
      </c>
      <c r="M8" s="363">
        <v>300</v>
      </c>
      <c r="N8" s="584">
        <v>0.20281233098972418</v>
      </c>
    </row>
    <row r="9" spans="1:17" ht="20.100000000000001" customHeight="1" x14ac:dyDescent="0.15">
      <c r="B9" s="217" t="s">
        <v>18</v>
      </c>
      <c r="C9" s="359">
        <v>182</v>
      </c>
      <c r="D9" s="360">
        <v>176</v>
      </c>
      <c r="E9" s="243">
        <v>47</v>
      </c>
      <c r="F9" s="585">
        <v>0.26256983240223464</v>
      </c>
      <c r="G9" s="369">
        <v>92</v>
      </c>
      <c r="H9" s="370">
        <v>96</v>
      </c>
      <c r="I9" s="370">
        <v>16</v>
      </c>
      <c r="J9" s="585">
        <v>0.1702127659574468</v>
      </c>
      <c r="K9" s="369">
        <v>90</v>
      </c>
      <c r="L9" s="370">
        <v>80</v>
      </c>
      <c r="M9" s="370">
        <v>31</v>
      </c>
      <c r="N9" s="585">
        <v>0.36470588235294116</v>
      </c>
    </row>
    <row r="10" spans="1:17" ht="20.100000000000001" customHeight="1" thickBot="1" x14ac:dyDescent="0.2">
      <c r="B10" s="409" t="s">
        <v>428</v>
      </c>
      <c r="C10" s="470" t="s">
        <v>491</v>
      </c>
      <c r="D10" s="471" t="s">
        <v>491</v>
      </c>
      <c r="E10" s="368">
        <v>71</v>
      </c>
      <c r="F10" s="586" t="s">
        <v>491</v>
      </c>
      <c r="G10" s="470" t="s">
        <v>491</v>
      </c>
      <c r="H10" s="348" t="s">
        <v>491</v>
      </c>
      <c r="I10" s="370">
        <v>71</v>
      </c>
      <c r="J10" s="588" t="s">
        <v>491</v>
      </c>
      <c r="K10" s="472" t="s">
        <v>491</v>
      </c>
      <c r="L10" s="471" t="s">
        <v>491</v>
      </c>
      <c r="M10" s="348" t="s">
        <v>491</v>
      </c>
      <c r="N10" s="588" t="s">
        <v>491</v>
      </c>
    </row>
    <row r="11" spans="1:17" ht="20.100000000000001" customHeight="1" thickTop="1" thickBot="1" x14ac:dyDescent="0.2">
      <c r="B11" s="190" t="s">
        <v>17</v>
      </c>
      <c r="C11" s="320">
        <v>4018.9</v>
      </c>
      <c r="D11" s="242">
        <v>4231</v>
      </c>
      <c r="E11" s="242">
        <v>763</v>
      </c>
      <c r="F11" s="587">
        <v>0.18497193905380671</v>
      </c>
      <c r="G11" s="241">
        <v>2441.5</v>
      </c>
      <c r="H11" s="219">
        <v>2580</v>
      </c>
      <c r="I11" s="242">
        <v>429</v>
      </c>
      <c r="J11" s="589">
        <v>0.17086527929901424</v>
      </c>
      <c r="K11" s="225">
        <v>1577.4</v>
      </c>
      <c r="L11" s="242">
        <v>1651</v>
      </c>
      <c r="M11" s="219">
        <v>334</v>
      </c>
      <c r="N11" s="589">
        <v>0.20691364143228844</v>
      </c>
    </row>
    <row r="12" spans="1:17" ht="25.5" customHeight="1" x14ac:dyDescent="0.15">
      <c r="B12" s="163"/>
      <c r="C12" s="322"/>
      <c r="D12" s="321"/>
      <c r="E12" s="321"/>
      <c r="F12" s="322"/>
      <c r="G12" s="163"/>
      <c r="H12" s="163"/>
      <c r="I12" s="163"/>
      <c r="J12" s="163"/>
      <c r="K12" s="163"/>
      <c r="L12" s="163"/>
      <c r="M12" s="163"/>
      <c r="N12" s="163"/>
      <c r="O12" s="163"/>
      <c r="P12" s="163"/>
      <c r="Q12" s="163"/>
    </row>
    <row r="13" spans="1:17" ht="20.100000000000001" customHeight="1" thickBot="1" x14ac:dyDescent="0.2">
      <c r="B13" s="158" t="s">
        <v>572</v>
      </c>
    </row>
    <row r="14" spans="1:17" ht="20.100000000000001" customHeight="1" x14ac:dyDescent="0.15">
      <c r="B14" s="698" t="s">
        <v>74</v>
      </c>
      <c r="C14" s="698" t="s">
        <v>325</v>
      </c>
      <c r="D14" s="700"/>
      <c r="E14" s="701"/>
      <c r="F14" s="698" t="s">
        <v>326</v>
      </c>
      <c r="G14" s="700"/>
      <c r="H14" s="701"/>
      <c r="I14" s="698" t="s">
        <v>327</v>
      </c>
      <c r="J14" s="700"/>
      <c r="K14" s="701"/>
    </row>
    <row r="15" spans="1:17" ht="20.100000000000001" customHeight="1" thickBot="1" x14ac:dyDescent="0.2">
      <c r="B15" s="699"/>
      <c r="C15" s="307" t="s">
        <v>548</v>
      </c>
      <c r="D15" s="304" t="s">
        <v>549</v>
      </c>
      <c r="E15" s="308" t="s">
        <v>550</v>
      </c>
      <c r="F15" s="307" t="s">
        <v>548</v>
      </c>
      <c r="G15" s="304" t="s">
        <v>549</v>
      </c>
      <c r="H15" s="308" t="s">
        <v>550</v>
      </c>
      <c r="I15" s="307" t="s">
        <v>548</v>
      </c>
      <c r="J15" s="304" t="s">
        <v>549</v>
      </c>
      <c r="K15" s="308" t="s">
        <v>550</v>
      </c>
    </row>
    <row r="16" spans="1:17" ht="20.100000000000001" customHeight="1" thickTop="1" x14ac:dyDescent="0.15">
      <c r="B16" s="226" t="s">
        <v>21</v>
      </c>
      <c r="C16" s="595">
        <v>0.127</v>
      </c>
      <c r="D16" s="570">
        <v>0.18</v>
      </c>
      <c r="E16" s="590">
        <v>0.1415929203539823</v>
      </c>
      <c r="F16" s="595">
        <v>0.11899999999999999</v>
      </c>
      <c r="G16" s="570">
        <v>0.188</v>
      </c>
      <c r="H16" s="584">
        <v>0.17391304347826086</v>
      </c>
      <c r="I16" s="595">
        <v>0.14299999999999999</v>
      </c>
      <c r="J16" s="570">
        <v>0.16700000000000001</v>
      </c>
      <c r="K16" s="584">
        <v>9.0909090909090912E-2</v>
      </c>
    </row>
    <row r="17" spans="2:14" ht="20.100000000000001" customHeight="1" x14ac:dyDescent="0.15">
      <c r="B17" s="402" t="s">
        <v>20</v>
      </c>
      <c r="C17" s="596">
        <v>0</v>
      </c>
      <c r="D17" s="600">
        <v>6.0999999999999999E-2</v>
      </c>
      <c r="E17" s="591">
        <v>5.3333333333333337E-2</v>
      </c>
      <c r="F17" s="596">
        <v>0</v>
      </c>
      <c r="G17" s="600">
        <v>0</v>
      </c>
      <c r="H17" s="584">
        <v>0.10526315789473684</v>
      </c>
      <c r="I17" s="596">
        <v>0</v>
      </c>
      <c r="J17" s="600">
        <v>0.08</v>
      </c>
      <c r="K17" s="585">
        <v>3.5714285714285712E-2</v>
      </c>
    </row>
    <row r="18" spans="2:14" ht="20.100000000000001" customHeight="1" x14ac:dyDescent="0.15">
      <c r="B18" s="402" t="s">
        <v>19</v>
      </c>
      <c r="C18" s="597">
        <v>0.18099999999999999</v>
      </c>
      <c r="D18" s="601">
        <v>0.193</v>
      </c>
      <c r="E18" s="591">
        <v>0.18328379132647102</v>
      </c>
      <c r="F18" s="597">
        <v>0.17199999999999999</v>
      </c>
      <c r="G18" s="601">
        <v>0.183</v>
      </c>
      <c r="H18" s="584">
        <v>0.171109472131493</v>
      </c>
      <c r="I18" s="597">
        <v>0.193</v>
      </c>
      <c r="J18" s="601">
        <v>0.20799999999999999</v>
      </c>
      <c r="K18" s="585">
        <v>0.20281233098972418</v>
      </c>
    </row>
    <row r="19" spans="2:14" ht="20.100000000000001" customHeight="1" thickBot="1" x14ac:dyDescent="0.2">
      <c r="B19" s="227" t="s">
        <v>18</v>
      </c>
      <c r="C19" s="598">
        <v>0.27600000000000002</v>
      </c>
      <c r="D19" s="571">
        <v>0.188</v>
      </c>
      <c r="E19" s="592">
        <v>0.26256983240223464</v>
      </c>
      <c r="F19" s="598">
        <v>0.34300000000000003</v>
      </c>
      <c r="G19" s="571">
        <v>0.188</v>
      </c>
      <c r="H19" s="588">
        <v>0.1702127659574468</v>
      </c>
      <c r="I19" s="598">
        <v>0.22500000000000001</v>
      </c>
      <c r="J19" s="571">
        <v>0.188</v>
      </c>
      <c r="K19" s="588">
        <v>0.36470588235294116</v>
      </c>
    </row>
    <row r="20" spans="2:14" ht="20.100000000000001" customHeight="1" thickTop="1" thickBot="1" x14ac:dyDescent="0.2">
      <c r="B20" s="411" t="s">
        <v>22</v>
      </c>
      <c r="C20" s="599">
        <v>0.184</v>
      </c>
      <c r="D20" s="602">
        <v>0.191</v>
      </c>
      <c r="E20" s="593">
        <v>0.18497193905380671</v>
      </c>
      <c r="F20" s="603">
        <v>0.17799999999999999</v>
      </c>
      <c r="G20" s="602">
        <v>0.182</v>
      </c>
      <c r="H20" s="594">
        <v>0.17086527929901424</v>
      </c>
      <c r="I20" s="603">
        <v>0.193</v>
      </c>
      <c r="J20" s="602">
        <v>0.20399999999999999</v>
      </c>
      <c r="K20" s="589">
        <v>0.20691364143228844</v>
      </c>
    </row>
    <row r="21" spans="2:14" ht="25.5" customHeight="1" x14ac:dyDescent="0.15">
      <c r="B21" s="169"/>
      <c r="C21" s="228"/>
      <c r="D21" s="229"/>
      <c r="E21" s="230"/>
      <c r="F21" s="229"/>
      <c r="G21" s="229"/>
      <c r="H21" s="229"/>
      <c r="I21" s="229"/>
      <c r="J21" s="229"/>
      <c r="K21" s="229"/>
    </row>
    <row r="22" spans="2:14" ht="20.100000000000001" customHeight="1" thickBot="1" x14ac:dyDescent="0.2">
      <c r="B22" s="158" t="s">
        <v>573</v>
      </c>
      <c r="L22" s="231"/>
    </row>
    <row r="23" spans="2:14" ht="20.100000000000001" customHeight="1" x14ac:dyDescent="0.15">
      <c r="B23" s="690" t="s">
        <v>26</v>
      </c>
      <c r="C23" s="692" t="s">
        <v>325</v>
      </c>
      <c r="D23" s="693"/>
      <c r="E23" s="693"/>
      <c r="F23" s="694"/>
      <c r="G23" s="692" t="s">
        <v>326</v>
      </c>
      <c r="H23" s="693"/>
      <c r="I23" s="693"/>
      <c r="J23" s="694"/>
      <c r="K23" s="692" t="s">
        <v>422</v>
      </c>
      <c r="L23" s="693"/>
      <c r="M23" s="693"/>
      <c r="N23" s="694"/>
    </row>
    <row r="24" spans="2:14" ht="20.25" customHeight="1" thickBot="1" x14ac:dyDescent="0.2">
      <c r="B24" s="691"/>
      <c r="C24" s="167" t="s">
        <v>465</v>
      </c>
      <c r="D24" s="223" t="s">
        <v>466</v>
      </c>
      <c r="E24" s="223" t="s">
        <v>565</v>
      </c>
      <c r="F24" s="168" t="s">
        <v>552</v>
      </c>
      <c r="G24" s="167" t="s">
        <v>465</v>
      </c>
      <c r="H24" s="223" t="s">
        <v>466</v>
      </c>
      <c r="I24" s="223" t="s">
        <v>565</v>
      </c>
      <c r="J24" s="168" t="s">
        <v>551</v>
      </c>
      <c r="K24" s="167" t="s">
        <v>465</v>
      </c>
      <c r="L24" s="223" t="s">
        <v>466</v>
      </c>
      <c r="M24" s="223" t="s">
        <v>565</v>
      </c>
      <c r="N24" s="168" t="s">
        <v>551</v>
      </c>
    </row>
    <row r="25" spans="2:14" ht="20.100000000000001" customHeight="1" thickTop="1" x14ac:dyDescent="0.15">
      <c r="B25" s="185" t="s">
        <v>27</v>
      </c>
      <c r="C25" s="359">
        <v>1760</v>
      </c>
      <c r="D25" s="360">
        <v>1817</v>
      </c>
      <c r="E25" s="243">
        <v>305</v>
      </c>
      <c r="F25" s="584">
        <v>0.17053396701146212</v>
      </c>
      <c r="G25" s="359">
        <v>1077</v>
      </c>
      <c r="H25" s="360">
        <v>1119</v>
      </c>
      <c r="I25" s="360">
        <v>174</v>
      </c>
      <c r="J25" s="584">
        <v>0.15846994535519127</v>
      </c>
      <c r="K25" s="359">
        <v>683</v>
      </c>
      <c r="L25" s="360">
        <v>698</v>
      </c>
      <c r="M25" s="360">
        <v>131</v>
      </c>
      <c r="N25" s="584">
        <v>0.18971759594496743</v>
      </c>
    </row>
    <row r="26" spans="2:14" ht="20.100000000000001" customHeight="1" x14ac:dyDescent="0.15">
      <c r="B26" s="194" t="s">
        <v>28</v>
      </c>
      <c r="C26" s="359">
        <v>566</v>
      </c>
      <c r="D26" s="360">
        <v>587</v>
      </c>
      <c r="E26" s="243">
        <v>149</v>
      </c>
      <c r="F26" s="584">
        <v>0.25845620121422375</v>
      </c>
      <c r="G26" s="362">
        <v>346</v>
      </c>
      <c r="H26" s="363">
        <v>364</v>
      </c>
      <c r="I26" s="363">
        <v>91</v>
      </c>
      <c r="J26" s="584">
        <v>0.25633802816901408</v>
      </c>
      <c r="K26" s="362">
        <v>220</v>
      </c>
      <c r="L26" s="363">
        <v>223</v>
      </c>
      <c r="M26" s="363">
        <v>58</v>
      </c>
      <c r="N26" s="584">
        <v>0.26185101580135439</v>
      </c>
    </row>
    <row r="27" spans="2:14" ht="20.100000000000001" customHeight="1" x14ac:dyDescent="0.15">
      <c r="B27" s="194" t="s">
        <v>29</v>
      </c>
      <c r="C27" s="359">
        <v>303</v>
      </c>
      <c r="D27" s="360">
        <v>345</v>
      </c>
      <c r="E27" s="243">
        <v>69</v>
      </c>
      <c r="F27" s="584">
        <v>0.21296296296296297</v>
      </c>
      <c r="G27" s="362">
        <v>183</v>
      </c>
      <c r="H27" s="363">
        <v>205</v>
      </c>
      <c r="I27" s="363">
        <v>34</v>
      </c>
      <c r="J27" s="584">
        <v>0.17525773195876287</v>
      </c>
      <c r="K27" s="362">
        <v>120</v>
      </c>
      <c r="L27" s="363">
        <v>140</v>
      </c>
      <c r="M27" s="363">
        <v>35</v>
      </c>
      <c r="N27" s="584">
        <v>0.26923076923076922</v>
      </c>
    </row>
    <row r="28" spans="2:14" ht="20.100000000000001" customHeight="1" x14ac:dyDescent="0.15">
      <c r="B28" s="194" t="s">
        <v>30</v>
      </c>
      <c r="C28" s="359">
        <v>296</v>
      </c>
      <c r="D28" s="360">
        <v>311</v>
      </c>
      <c r="E28" s="243">
        <v>59</v>
      </c>
      <c r="F28" s="584">
        <v>0.19439868204283361</v>
      </c>
      <c r="G28" s="362">
        <v>170</v>
      </c>
      <c r="H28" s="363">
        <v>183</v>
      </c>
      <c r="I28" s="363">
        <v>28</v>
      </c>
      <c r="J28" s="584">
        <v>0.15864022662889518</v>
      </c>
      <c r="K28" s="362">
        <v>126</v>
      </c>
      <c r="L28" s="363">
        <v>128</v>
      </c>
      <c r="M28" s="360">
        <v>31</v>
      </c>
      <c r="N28" s="584">
        <v>0.24409448818897639</v>
      </c>
    </row>
    <row r="29" spans="2:14" ht="20.100000000000001" customHeight="1" x14ac:dyDescent="0.15">
      <c r="B29" s="194" t="s">
        <v>31</v>
      </c>
      <c r="C29" s="359">
        <v>292.89999999999998</v>
      </c>
      <c r="D29" s="360">
        <v>328</v>
      </c>
      <c r="E29" s="243">
        <v>54</v>
      </c>
      <c r="F29" s="584">
        <v>0.17394105330971171</v>
      </c>
      <c r="G29" s="362">
        <v>177.5</v>
      </c>
      <c r="H29" s="363">
        <v>200</v>
      </c>
      <c r="I29" s="363">
        <v>31</v>
      </c>
      <c r="J29" s="584">
        <v>0.16423841059602648</v>
      </c>
      <c r="K29" s="362">
        <v>115.4</v>
      </c>
      <c r="L29" s="363">
        <v>128</v>
      </c>
      <c r="M29" s="363">
        <v>23</v>
      </c>
      <c r="N29" s="584">
        <v>0.18898931799506985</v>
      </c>
    </row>
    <row r="30" spans="2:14" ht="20.100000000000001" customHeight="1" x14ac:dyDescent="0.15">
      <c r="B30" s="194" t="s">
        <v>32</v>
      </c>
      <c r="C30" s="359">
        <v>290</v>
      </c>
      <c r="D30" s="360">
        <v>305</v>
      </c>
      <c r="E30" s="243">
        <v>49</v>
      </c>
      <c r="F30" s="584">
        <v>0.16470588235294117</v>
      </c>
      <c r="G30" s="362">
        <v>169</v>
      </c>
      <c r="H30" s="363">
        <v>177</v>
      </c>
      <c r="I30" s="363">
        <v>28</v>
      </c>
      <c r="J30" s="584">
        <v>0.16184971098265896</v>
      </c>
      <c r="K30" s="362">
        <v>121</v>
      </c>
      <c r="L30" s="363">
        <v>128</v>
      </c>
      <c r="M30" s="363">
        <v>21</v>
      </c>
      <c r="N30" s="584">
        <v>0.16867469879518071</v>
      </c>
    </row>
    <row r="31" spans="2:14" ht="20.100000000000001" customHeight="1" x14ac:dyDescent="0.15">
      <c r="B31" s="194" t="s">
        <v>33</v>
      </c>
      <c r="C31" s="359">
        <v>326</v>
      </c>
      <c r="D31" s="360">
        <v>344</v>
      </c>
      <c r="E31" s="243">
        <v>51</v>
      </c>
      <c r="F31" s="584">
        <v>0.15223880597014924</v>
      </c>
      <c r="G31" s="362">
        <v>200</v>
      </c>
      <c r="H31" s="363">
        <v>218</v>
      </c>
      <c r="I31" s="363">
        <v>31</v>
      </c>
      <c r="J31" s="584">
        <v>0.14832535885167464</v>
      </c>
      <c r="K31" s="362">
        <v>126</v>
      </c>
      <c r="L31" s="363">
        <v>126</v>
      </c>
      <c r="M31" s="363">
        <v>20</v>
      </c>
      <c r="N31" s="584">
        <v>0.15873015873015872</v>
      </c>
    </row>
    <row r="32" spans="2:14" ht="20.100000000000001" customHeight="1" thickBot="1" x14ac:dyDescent="0.2">
      <c r="B32" s="409" t="s">
        <v>34</v>
      </c>
      <c r="C32" s="364">
        <v>185</v>
      </c>
      <c r="D32" s="365">
        <v>194</v>
      </c>
      <c r="E32" s="366">
        <v>27</v>
      </c>
      <c r="F32" s="604">
        <v>0.14248021108179421</v>
      </c>
      <c r="G32" s="367">
        <v>119</v>
      </c>
      <c r="H32" s="368">
        <v>114</v>
      </c>
      <c r="I32" s="368">
        <v>12</v>
      </c>
      <c r="J32" s="588">
        <v>0.10300429184549356</v>
      </c>
      <c r="K32" s="367">
        <v>66</v>
      </c>
      <c r="L32" s="368">
        <v>80</v>
      </c>
      <c r="M32" s="368">
        <v>15</v>
      </c>
      <c r="N32" s="604">
        <v>0.20547945205479451</v>
      </c>
    </row>
    <row r="33" spans="2:14" ht="20.100000000000001" customHeight="1" thickTop="1" thickBot="1" x14ac:dyDescent="0.2">
      <c r="B33" s="187" t="s">
        <v>17</v>
      </c>
      <c r="C33" s="225">
        <v>4018.9</v>
      </c>
      <c r="D33" s="219">
        <v>4231</v>
      </c>
      <c r="E33" s="247">
        <v>763</v>
      </c>
      <c r="F33" s="594">
        <v>0.18497193905380671</v>
      </c>
      <c r="G33" s="244">
        <v>2441.5</v>
      </c>
      <c r="H33" s="245">
        <v>2580</v>
      </c>
      <c r="I33" s="245">
        <v>429</v>
      </c>
      <c r="J33" s="594">
        <v>0.17086527929901424</v>
      </c>
      <c r="K33" s="244">
        <v>1577.4</v>
      </c>
      <c r="L33" s="245">
        <v>1651</v>
      </c>
      <c r="M33" s="245">
        <v>334</v>
      </c>
      <c r="N33" s="594">
        <v>0.20691364143228844</v>
      </c>
    </row>
    <row r="34" spans="2:14" ht="20.100000000000001" customHeight="1" x14ac:dyDescent="0.15">
      <c r="L34" s="163"/>
    </row>
    <row r="35" spans="2:14" s="179" customFormat="1" ht="20.100000000000001" customHeight="1" thickBot="1" x14ac:dyDescent="0.2">
      <c r="B35" s="179" t="s">
        <v>574</v>
      </c>
      <c r="L35" s="473"/>
    </row>
    <row r="36" spans="2:14" s="179" customFormat="1" ht="20.100000000000001" customHeight="1" x14ac:dyDescent="0.15">
      <c r="B36" s="695" t="s">
        <v>533</v>
      </c>
      <c r="C36" s="687" t="s">
        <v>325</v>
      </c>
      <c r="D36" s="688"/>
      <c r="E36" s="688"/>
      <c r="F36" s="689"/>
      <c r="G36" s="687" t="s">
        <v>326</v>
      </c>
      <c r="H36" s="688"/>
      <c r="I36" s="688"/>
      <c r="J36" s="689"/>
      <c r="K36" s="687" t="s">
        <v>422</v>
      </c>
      <c r="L36" s="688"/>
      <c r="M36" s="688"/>
      <c r="N36" s="689"/>
    </row>
    <row r="37" spans="2:14" ht="20.25" customHeight="1" thickBot="1" x14ac:dyDescent="0.2">
      <c r="B37" s="686"/>
      <c r="C37" s="167" t="s">
        <v>465</v>
      </c>
      <c r="D37" s="223" t="s">
        <v>466</v>
      </c>
      <c r="E37" s="223" t="s">
        <v>565</v>
      </c>
      <c r="F37" s="168" t="s">
        <v>552</v>
      </c>
      <c r="G37" s="167" t="s">
        <v>465</v>
      </c>
      <c r="H37" s="223" t="s">
        <v>466</v>
      </c>
      <c r="I37" s="223" t="s">
        <v>565</v>
      </c>
      <c r="J37" s="168" t="s">
        <v>551</v>
      </c>
      <c r="K37" s="167" t="s">
        <v>465</v>
      </c>
      <c r="L37" s="223" t="s">
        <v>466</v>
      </c>
      <c r="M37" s="223" t="s">
        <v>565</v>
      </c>
      <c r="N37" s="168" t="s">
        <v>551</v>
      </c>
    </row>
    <row r="38" spans="2:14" s="179" customFormat="1" ht="32.1" customHeight="1" thickTop="1" x14ac:dyDescent="0.15">
      <c r="B38" s="474" t="s">
        <v>501</v>
      </c>
      <c r="C38" s="359">
        <v>0</v>
      </c>
      <c r="D38" s="360">
        <v>0</v>
      </c>
      <c r="E38" s="350">
        <v>0</v>
      </c>
      <c r="F38" s="584" t="s">
        <v>597</v>
      </c>
      <c r="G38" s="359">
        <v>0</v>
      </c>
      <c r="H38" s="360">
        <v>0</v>
      </c>
      <c r="I38" s="360">
        <v>0</v>
      </c>
      <c r="J38" s="361" t="s">
        <v>597</v>
      </c>
      <c r="K38" s="359">
        <v>0</v>
      </c>
      <c r="L38" s="360">
        <v>0</v>
      </c>
      <c r="M38" s="360">
        <v>0</v>
      </c>
      <c r="N38" s="584" t="s">
        <v>597</v>
      </c>
    </row>
    <row r="39" spans="2:14" s="179" customFormat="1" ht="32.1" customHeight="1" x14ac:dyDescent="0.15">
      <c r="B39" s="475" t="s">
        <v>534</v>
      </c>
      <c r="C39" s="359">
        <v>518</v>
      </c>
      <c r="D39" s="360">
        <v>597</v>
      </c>
      <c r="E39" s="243">
        <v>143</v>
      </c>
      <c r="F39" s="584">
        <v>0.25650224215246636</v>
      </c>
      <c r="G39" s="362">
        <v>332</v>
      </c>
      <c r="H39" s="363">
        <v>384</v>
      </c>
      <c r="I39" s="363">
        <v>75</v>
      </c>
      <c r="J39" s="584">
        <v>0.20949720670391062</v>
      </c>
      <c r="K39" s="362">
        <v>186</v>
      </c>
      <c r="L39" s="363">
        <v>213</v>
      </c>
      <c r="M39" s="363">
        <v>68</v>
      </c>
      <c r="N39" s="584">
        <v>0.34085213032581452</v>
      </c>
    </row>
    <row r="40" spans="2:14" s="179" customFormat="1" ht="32.1" customHeight="1" x14ac:dyDescent="0.15">
      <c r="B40" s="475" t="s">
        <v>535</v>
      </c>
      <c r="C40" s="359">
        <v>488</v>
      </c>
      <c r="D40" s="360">
        <v>541</v>
      </c>
      <c r="E40" s="243">
        <v>165</v>
      </c>
      <c r="F40" s="584">
        <v>0.32069970845481049</v>
      </c>
      <c r="G40" s="362">
        <v>315</v>
      </c>
      <c r="H40" s="363">
        <v>335</v>
      </c>
      <c r="I40" s="363">
        <v>106</v>
      </c>
      <c r="J40" s="584">
        <v>0.32615384615384613</v>
      </c>
      <c r="K40" s="362">
        <v>173</v>
      </c>
      <c r="L40" s="363">
        <v>206</v>
      </c>
      <c r="M40" s="360">
        <v>59</v>
      </c>
      <c r="N40" s="584">
        <v>0.31134564643799473</v>
      </c>
    </row>
    <row r="41" spans="2:14" s="179" customFormat="1" ht="31.5" customHeight="1" x14ac:dyDescent="0.15">
      <c r="B41" s="475" t="s">
        <v>536</v>
      </c>
      <c r="C41" s="359">
        <v>1126</v>
      </c>
      <c r="D41" s="360">
        <v>1193</v>
      </c>
      <c r="E41" s="243">
        <v>226</v>
      </c>
      <c r="F41" s="584">
        <v>0.19491159982751186</v>
      </c>
      <c r="G41" s="362">
        <v>666</v>
      </c>
      <c r="H41" s="363">
        <v>745</v>
      </c>
      <c r="I41" s="363">
        <v>128</v>
      </c>
      <c r="J41" s="584">
        <v>0.18143160878809356</v>
      </c>
      <c r="K41" s="362">
        <v>460</v>
      </c>
      <c r="L41" s="363">
        <v>448</v>
      </c>
      <c r="M41" s="363">
        <v>98</v>
      </c>
      <c r="N41" s="584">
        <v>0.21585903083700442</v>
      </c>
    </row>
    <row r="42" spans="2:14" s="179" customFormat="1" ht="31.5" customHeight="1" thickBot="1" x14ac:dyDescent="0.2">
      <c r="B42" s="476" t="s">
        <v>502</v>
      </c>
      <c r="C42" s="374">
        <v>1887</v>
      </c>
      <c r="D42" s="371">
        <v>1900</v>
      </c>
      <c r="E42" s="339">
        <v>229</v>
      </c>
      <c r="F42" s="586">
        <v>0.12094005809347769</v>
      </c>
      <c r="G42" s="369">
        <v>1129</v>
      </c>
      <c r="H42" s="370">
        <v>1116</v>
      </c>
      <c r="I42" s="370">
        <v>120</v>
      </c>
      <c r="J42" s="586">
        <v>0.10690423162583519</v>
      </c>
      <c r="K42" s="367">
        <v>758</v>
      </c>
      <c r="L42" s="370">
        <v>784</v>
      </c>
      <c r="M42" s="370">
        <v>109</v>
      </c>
      <c r="N42" s="586">
        <v>0.14137483787289234</v>
      </c>
    </row>
    <row r="43" spans="2:14" s="179" customFormat="1" ht="20.100000000000001" customHeight="1" thickTop="1" thickBot="1" x14ac:dyDescent="0.2">
      <c r="B43" s="477" t="s">
        <v>17</v>
      </c>
      <c r="C43" s="478">
        <v>4019</v>
      </c>
      <c r="D43" s="479">
        <v>4231</v>
      </c>
      <c r="E43" s="480">
        <v>763</v>
      </c>
      <c r="F43" s="605">
        <v>0.18496969696969698</v>
      </c>
      <c r="G43" s="478">
        <v>2442</v>
      </c>
      <c r="H43" s="479">
        <v>2580</v>
      </c>
      <c r="I43" s="479">
        <v>429</v>
      </c>
      <c r="J43" s="605">
        <v>0.17084826762246116</v>
      </c>
      <c r="K43" s="244">
        <v>1577</v>
      </c>
      <c r="L43" s="479">
        <v>1651</v>
      </c>
      <c r="M43" s="479">
        <v>334</v>
      </c>
      <c r="N43" s="605">
        <v>0.20693928128872366</v>
      </c>
    </row>
    <row r="44" spans="2:14" s="179" customFormat="1" ht="25.5" customHeight="1" x14ac:dyDescent="0.15"/>
    <row r="45" spans="2:14" s="179" customFormat="1" ht="20.100000000000001" customHeight="1" thickBot="1" x14ac:dyDescent="0.2">
      <c r="B45" s="179" t="s">
        <v>575</v>
      </c>
    </row>
    <row r="46" spans="2:14" s="179" customFormat="1" ht="20.100000000000001" customHeight="1" x14ac:dyDescent="0.15">
      <c r="B46" s="685" t="s">
        <v>6</v>
      </c>
      <c r="C46" s="687" t="s">
        <v>325</v>
      </c>
      <c r="D46" s="688"/>
      <c r="E46" s="688"/>
      <c r="F46" s="689"/>
      <c r="G46" s="687" t="s">
        <v>326</v>
      </c>
      <c r="H46" s="688"/>
      <c r="I46" s="688"/>
      <c r="J46" s="689"/>
      <c r="K46" s="687" t="s">
        <v>422</v>
      </c>
      <c r="L46" s="688"/>
      <c r="M46" s="688"/>
      <c r="N46" s="689"/>
    </row>
    <row r="47" spans="2:14" ht="20.25" customHeight="1" thickBot="1" x14ac:dyDescent="0.2">
      <c r="B47" s="686"/>
      <c r="C47" s="167" t="s">
        <v>465</v>
      </c>
      <c r="D47" s="223" t="s">
        <v>466</v>
      </c>
      <c r="E47" s="223" t="s">
        <v>565</v>
      </c>
      <c r="F47" s="168" t="s">
        <v>552</v>
      </c>
      <c r="G47" s="167" t="s">
        <v>465</v>
      </c>
      <c r="H47" s="223" t="s">
        <v>466</v>
      </c>
      <c r="I47" s="223" t="s">
        <v>565</v>
      </c>
      <c r="J47" s="168" t="s">
        <v>551</v>
      </c>
      <c r="K47" s="167" t="s">
        <v>465</v>
      </c>
      <c r="L47" s="223" t="s">
        <v>466</v>
      </c>
      <c r="M47" s="223" t="s">
        <v>565</v>
      </c>
      <c r="N47" s="168" t="s">
        <v>551</v>
      </c>
    </row>
    <row r="48" spans="2:14" s="179" customFormat="1" ht="20.100000000000001" customHeight="1" thickTop="1" x14ac:dyDescent="0.15">
      <c r="B48" s="481" t="s">
        <v>8</v>
      </c>
      <c r="C48" s="359">
        <v>434.9</v>
      </c>
      <c r="D48" s="360">
        <v>574</v>
      </c>
      <c r="E48" s="243">
        <v>128</v>
      </c>
      <c r="F48" s="584">
        <v>0.25374169887996828</v>
      </c>
      <c r="G48" s="359">
        <v>329.5</v>
      </c>
      <c r="H48" s="360">
        <v>409</v>
      </c>
      <c r="I48" s="360">
        <v>72</v>
      </c>
      <c r="J48" s="584">
        <v>0.19498984427894381</v>
      </c>
      <c r="K48" s="359">
        <v>105.4</v>
      </c>
      <c r="L48" s="360">
        <v>165</v>
      </c>
      <c r="M48" s="360">
        <v>56</v>
      </c>
      <c r="N48" s="584">
        <v>0.41420118343195272</v>
      </c>
    </row>
    <row r="49" spans="2:14" s="179" customFormat="1" ht="20.100000000000001" customHeight="1" x14ac:dyDescent="0.15">
      <c r="B49" s="482" t="s">
        <v>9</v>
      </c>
      <c r="C49" s="359">
        <v>1805</v>
      </c>
      <c r="D49" s="360">
        <v>1861</v>
      </c>
      <c r="E49" s="243">
        <v>321</v>
      </c>
      <c r="F49" s="584">
        <v>0.17512274959083471</v>
      </c>
      <c r="G49" s="362">
        <v>1110</v>
      </c>
      <c r="H49" s="363">
        <v>1146</v>
      </c>
      <c r="I49" s="363">
        <v>198</v>
      </c>
      <c r="J49" s="584">
        <v>0.17553191489361702</v>
      </c>
      <c r="K49" s="362">
        <v>695</v>
      </c>
      <c r="L49" s="363">
        <v>715</v>
      </c>
      <c r="M49" s="363">
        <v>123</v>
      </c>
      <c r="N49" s="584">
        <v>0.17446808510638298</v>
      </c>
    </row>
    <row r="50" spans="2:14" s="179" customFormat="1" ht="20.100000000000001" customHeight="1" x14ac:dyDescent="0.15">
      <c r="B50" s="482" t="s">
        <v>10</v>
      </c>
      <c r="C50" s="359">
        <v>1017</v>
      </c>
      <c r="D50" s="360">
        <v>1022</v>
      </c>
      <c r="E50" s="243">
        <v>167</v>
      </c>
      <c r="F50" s="584">
        <v>0.16380578715056401</v>
      </c>
      <c r="G50" s="362">
        <v>575</v>
      </c>
      <c r="H50" s="363">
        <v>586</v>
      </c>
      <c r="I50" s="363">
        <v>72</v>
      </c>
      <c r="J50" s="584">
        <v>0.12403100775193798</v>
      </c>
      <c r="K50" s="362">
        <v>442</v>
      </c>
      <c r="L50" s="363">
        <v>436</v>
      </c>
      <c r="M50" s="363">
        <v>95</v>
      </c>
      <c r="N50" s="584">
        <v>0.21640091116173121</v>
      </c>
    </row>
    <row r="51" spans="2:14" s="179" customFormat="1" ht="20.100000000000001" customHeight="1" x14ac:dyDescent="0.15">
      <c r="B51" s="482" t="s">
        <v>11</v>
      </c>
      <c r="C51" s="359">
        <v>409</v>
      </c>
      <c r="D51" s="360">
        <v>426</v>
      </c>
      <c r="E51" s="243">
        <v>47</v>
      </c>
      <c r="F51" s="584">
        <v>0.1125748502994012</v>
      </c>
      <c r="G51" s="362">
        <v>224</v>
      </c>
      <c r="H51" s="363">
        <v>234</v>
      </c>
      <c r="I51" s="363">
        <v>23</v>
      </c>
      <c r="J51" s="584">
        <v>0.10043668122270742</v>
      </c>
      <c r="K51" s="362">
        <v>185</v>
      </c>
      <c r="L51" s="363">
        <v>192</v>
      </c>
      <c r="M51" s="360">
        <v>24</v>
      </c>
      <c r="N51" s="584">
        <v>0.1273209549071618</v>
      </c>
    </row>
    <row r="52" spans="2:14" s="179" customFormat="1" ht="20.100000000000001" customHeight="1" thickBot="1" x14ac:dyDescent="0.2">
      <c r="B52" s="483" t="s">
        <v>12</v>
      </c>
      <c r="C52" s="374">
        <v>353</v>
      </c>
      <c r="D52" s="371">
        <v>348</v>
      </c>
      <c r="E52" s="339">
        <v>100</v>
      </c>
      <c r="F52" s="588">
        <v>0.28530670470756064</v>
      </c>
      <c r="G52" s="369">
        <v>203</v>
      </c>
      <c r="H52" s="370">
        <v>205</v>
      </c>
      <c r="I52" s="370">
        <v>64</v>
      </c>
      <c r="J52" s="586">
        <v>0.31372549019607843</v>
      </c>
      <c r="K52" s="367">
        <v>150</v>
      </c>
      <c r="L52" s="370">
        <v>143</v>
      </c>
      <c r="M52" s="368">
        <v>36</v>
      </c>
      <c r="N52" s="588">
        <v>0.24573378839590443</v>
      </c>
    </row>
    <row r="53" spans="2:14" s="179" customFormat="1" ht="20.100000000000001" customHeight="1" thickTop="1" thickBot="1" x14ac:dyDescent="0.2">
      <c r="B53" s="484" t="s">
        <v>17</v>
      </c>
      <c r="C53" s="478">
        <v>4018.9</v>
      </c>
      <c r="D53" s="479">
        <v>4231</v>
      </c>
      <c r="E53" s="480">
        <v>763</v>
      </c>
      <c r="F53" s="594">
        <v>0.18497193905380671</v>
      </c>
      <c r="G53" s="478">
        <v>2441.5</v>
      </c>
      <c r="H53" s="479">
        <v>2580</v>
      </c>
      <c r="I53" s="479">
        <v>429</v>
      </c>
      <c r="J53" s="605">
        <v>0.17086527929901424</v>
      </c>
      <c r="K53" s="244">
        <v>1577.4</v>
      </c>
      <c r="L53" s="479">
        <v>1651</v>
      </c>
      <c r="M53" s="245">
        <v>334</v>
      </c>
      <c r="N53" s="594">
        <v>0.20691364143228844</v>
      </c>
    </row>
    <row r="54" spans="2:14" s="179" customFormat="1" ht="25.5" customHeight="1" x14ac:dyDescent="0.15"/>
    <row r="55" spans="2:14" s="179" customFormat="1" ht="20.100000000000001" customHeight="1" thickBot="1" x14ac:dyDescent="0.2">
      <c r="B55" s="179" t="s">
        <v>576</v>
      </c>
    </row>
    <row r="56" spans="2:14" s="179" customFormat="1" ht="20.100000000000001" customHeight="1" x14ac:dyDescent="0.15">
      <c r="B56" s="685" t="s">
        <v>7</v>
      </c>
      <c r="C56" s="687" t="s">
        <v>325</v>
      </c>
      <c r="D56" s="688"/>
      <c r="E56" s="688"/>
      <c r="F56" s="689"/>
      <c r="G56" s="687" t="s">
        <v>326</v>
      </c>
      <c r="H56" s="688"/>
      <c r="I56" s="688"/>
      <c r="J56" s="689"/>
      <c r="K56" s="687" t="s">
        <v>422</v>
      </c>
      <c r="L56" s="688"/>
      <c r="M56" s="688"/>
      <c r="N56" s="689"/>
    </row>
    <row r="57" spans="2:14" ht="20.25" customHeight="1" thickBot="1" x14ac:dyDescent="0.2">
      <c r="B57" s="686"/>
      <c r="C57" s="167" t="s">
        <v>465</v>
      </c>
      <c r="D57" s="223" t="s">
        <v>466</v>
      </c>
      <c r="E57" s="223" t="s">
        <v>565</v>
      </c>
      <c r="F57" s="168" t="s">
        <v>552</v>
      </c>
      <c r="G57" s="167" t="s">
        <v>465</v>
      </c>
      <c r="H57" s="223" t="s">
        <v>466</v>
      </c>
      <c r="I57" s="223" t="s">
        <v>565</v>
      </c>
      <c r="J57" s="168" t="s">
        <v>551</v>
      </c>
      <c r="K57" s="167" t="s">
        <v>465</v>
      </c>
      <c r="L57" s="223" t="s">
        <v>466</v>
      </c>
      <c r="M57" s="223" t="s">
        <v>565</v>
      </c>
      <c r="N57" s="168" t="s">
        <v>551</v>
      </c>
    </row>
    <row r="58" spans="2:14" s="179" customFormat="1" ht="20.100000000000001" customHeight="1" thickTop="1" x14ac:dyDescent="0.15">
      <c r="B58" s="481" t="s">
        <v>13</v>
      </c>
      <c r="C58" s="359">
        <v>48</v>
      </c>
      <c r="D58" s="360">
        <v>58</v>
      </c>
      <c r="E58" s="243">
        <v>13</v>
      </c>
      <c r="F58" s="584">
        <v>0.24528301886792453</v>
      </c>
      <c r="G58" s="359">
        <v>25</v>
      </c>
      <c r="H58" s="360">
        <v>30</v>
      </c>
      <c r="I58" s="360">
        <v>4</v>
      </c>
      <c r="J58" s="584">
        <v>0.14545454545454545</v>
      </c>
      <c r="K58" s="359">
        <v>23</v>
      </c>
      <c r="L58" s="360">
        <v>28</v>
      </c>
      <c r="M58" s="360">
        <v>9</v>
      </c>
      <c r="N58" s="584">
        <v>0.35294117647058826</v>
      </c>
    </row>
    <row r="59" spans="2:14" s="179" customFormat="1" ht="20.100000000000001" customHeight="1" x14ac:dyDescent="0.15">
      <c r="B59" s="482" t="s">
        <v>14</v>
      </c>
      <c r="C59" s="359">
        <v>368</v>
      </c>
      <c r="D59" s="360">
        <v>385</v>
      </c>
      <c r="E59" s="243">
        <v>97</v>
      </c>
      <c r="F59" s="584">
        <v>0.25763612217795484</v>
      </c>
      <c r="G59" s="362">
        <v>197</v>
      </c>
      <c r="H59" s="363">
        <v>212</v>
      </c>
      <c r="I59" s="363">
        <v>37</v>
      </c>
      <c r="J59" s="584">
        <v>0.18092909535452323</v>
      </c>
      <c r="K59" s="362">
        <v>171</v>
      </c>
      <c r="L59" s="363">
        <v>173</v>
      </c>
      <c r="M59" s="363">
        <v>60</v>
      </c>
      <c r="N59" s="584">
        <v>0.34883720930232559</v>
      </c>
    </row>
    <row r="60" spans="2:14" s="179" customFormat="1" ht="20.100000000000001" customHeight="1" x14ac:dyDescent="0.15">
      <c r="B60" s="482" t="s">
        <v>15</v>
      </c>
      <c r="C60" s="359">
        <v>1016.9</v>
      </c>
      <c r="D60" s="360">
        <v>1078</v>
      </c>
      <c r="E60" s="243">
        <v>179</v>
      </c>
      <c r="F60" s="584">
        <v>0.1708912119910258</v>
      </c>
      <c r="G60" s="362">
        <v>607.5</v>
      </c>
      <c r="H60" s="363">
        <v>639</v>
      </c>
      <c r="I60" s="363">
        <v>108</v>
      </c>
      <c r="J60" s="584">
        <v>0.17328519855595667</v>
      </c>
      <c r="K60" s="362">
        <v>409.4</v>
      </c>
      <c r="L60" s="363">
        <v>439</v>
      </c>
      <c r="M60" s="363">
        <v>71</v>
      </c>
      <c r="N60" s="584">
        <v>0.16737388024516739</v>
      </c>
    </row>
    <row r="61" spans="2:14" s="179" customFormat="1" ht="20.100000000000001" customHeight="1" x14ac:dyDescent="0.15">
      <c r="B61" s="482" t="s">
        <v>9</v>
      </c>
      <c r="C61" s="359">
        <v>1479</v>
      </c>
      <c r="D61" s="360">
        <v>1517</v>
      </c>
      <c r="E61" s="243">
        <v>245</v>
      </c>
      <c r="F61" s="584">
        <v>0.16355140186915887</v>
      </c>
      <c r="G61" s="362">
        <v>905</v>
      </c>
      <c r="H61" s="363">
        <v>934</v>
      </c>
      <c r="I61" s="363">
        <v>141</v>
      </c>
      <c r="J61" s="584">
        <v>0.15334420880913541</v>
      </c>
      <c r="K61" s="362">
        <v>574</v>
      </c>
      <c r="L61" s="363">
        <v>583</v>
      </c>
      <c r="M61" s="360">
        <v>104</v>
      </c>
      <c r="N61" s="584">
        <v>0.1797752808988764</v>
      </c>
    </row>
    <row r="62" spans="2:14" s="179" customFormat="1" ht="20.100000000000001" customHeight="1" thickBot="1" x14ac:dyDescent="0.2">
      <c r="B62" s="485" t="s">
        <v>16</v>
      </c>
      <c r="C62" s="367">
        <v>635</v>
      </c>
      <c r="D62" s="371">
        <v>636</v>
      </c>
      <c r="E62" s="339">
        <v>80</v>
      </c>
      <c r="F62" s="588">
        <v>0.12588512981904013</v>
      </c>
      <c r="G62" s="367">
        <v>427</v>
      </c>
      <c r="H62" s="370">
        <v>420</v>
      </c>
      <c r="I62" s="370">
        <v>48</v>
      </c>
      <c r="J62" s="588">
        <v>0.11334120425029516</v>
      </c>
      <c r="K62" s="367">
        <v>208</v>
      </c>
      <c r="L62" s="368">
        <v>216</v>
      </c>
      <c r="M62" s="368">
        <v>32</v>
      </c>
      <c r="N62" s="586">
        <v>0.15094339622641509</v>
      </c>
    </row>
    <row r="63" spans="2:14" s="179" customFormat="1" ht="20.100000000000001" customHeight="1" thickTop="1" thickBot="1" x14ac:dyDescent="0.2">
      <c r="B63" s="477" t="s">
        <v>17</v>
      </c>
      <c r="C63" s="244">
        <v>3546.9</v>
      </c>
      <c r="D63" s="479">
        <v>3674</v>
      </c>
      <c r="E63" s="480">
        <v>614</v>
      </c>
      <c r="F63" s="594">
        <v>0.17006190364082041</v>
      </c>
      <c r="G63" s="244">
        <v>2161.5</v>
      </c>
      <c r="H63" s="479">
        <v>2235</v>
      </c>
      <c r="I63" s="479">
        <v>338</v>
      </c>
      <c r="J63" s="594">
        <v>0.15375867167064711</v>
      </c>
      <c r="K63" s="244">
        <v>1385.4</v>
      </c>
      <c r="L63" s="245">
        <v>1439</v>
      </c>
      <c r="M63" s="245">
        <v>276</v>
      </c>
      <c r="N63" s="605">
        <v>0.19543973941368079</v>
      </c>
    </row>
  </sheetData>
  <mergeCells count="24">
    <mergeCell ref="B4:B5"/>
    <mergeCell ref="C4:F4"/>
    <mergeCell ref="G4:J4"/>
    <mergeCell ref="K4:N4"/>
    <mergeCell ref="B14:B15"/>
    <mergeCell ref="C14:E14"/>
    <mergeCell ref="F14:H14"/>
    <mergeCell ref="I14:K14"/>
    <mergeCell ref="B23:B24"/>
    <mergeCell ref="C23:F23"/>
    <mergeCell ref="G23:J23"/>
    <mergeCell ref="K23:N23"/>
    <mergeCell ref="B36:B37"/>
    <mergeCell ref="C36:F36"/>
    <mergeCell ref="G36:J36"/>
    <mergeCell ref="K36:N36"/>
    <mergeCell ref="B46:B47"/>
    <mergeCell ref="C46:F46"/>
    <mergeCell ref="G46:J46"/>
    <mergeCell ref="K46:N46"/>
    <mergeCell ref="B56:B57"/>
    <mergeCell ref="C56:F56"/>
    <mergeCell ref="G56:J56"/>
    <mergeCell ref="K56:N56"/>
  </mergeCells>
  <phoneticPr fontId="1"/>
  <pageMargins left="1.0236220472440944" right="0.23622047244094491" top="0.55118110236220474" bottom="0.55118110236220474" header="0.31496062992125984" footer="0.31496062992125984"/>
  <pageSetup paperSize="9" scale="64" firstPageNumber="3" fitToHeight="2" orientation="landscape" r:id="rId1"/>
  <headerFooter scaleWithDoc="0" alignWithMargins="0">
    <oddFooter>&amp;C&amp;P</oddFooter>
  </headerFooter>
  <rowBreaks count="1" manualBreakCount="1">
    <brk id="33" max="1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55"/>
  <sheetViews>
    <sheetView view="pageBreakPreview" zoomScale="80" zoomScaleNormal="80" zoomScaleSheetLayoutView="80" workbookViewId="0"/>
  </sheetViews>
  <sheetFormatPr defaultColWidth="14.625" defaultRowHeight="20.100000000000001" customHeight="1" x14ac:dyDescent="0.15"/>
  <cols>
    <col min="1" max="1" width="2.625" style="158" customWidth="1"/>
    <col min="2" max="2" width="15.875" style="158" customWidth="1"/>
    <col min="3" max="21" width="10.625" style="158" customWidth="1"/>
    <col min="22" max="16384" width="14.625" style="158"/>
  </cols>
  <sheetData>
    <row r="1" spans="1:20" ht="20.100000000000001" customHeight="1" x14ac:dyDescent="0.15">
      <c r="A1" s="450" t="s">
        <v>488</v>
      </c>
      <c r="C1" s="160"/>
      <c r="D1" s="159"/>
      <c r="E1" s="398"/>
      <c r="F1" s="398"/>
    </row>
    <row r="2" spans="1:20" ht="20.100000000000001" customHeight="1" x14ac:dyDescent="0.15">
      <c r="B2" s="400"/>
      <c r="C2" s="160"/>
      <c r="D2" s="159"/>
      <c r="E2" s="398"/>
      <c r="F2" s="398"/>
    </row>
    <row r="3" spans="1:20" ht="21.75" customHeight="1" thickBot="1" x14ac:dyDescent="0.2">
      <c r="B3" s="398" t="s">
        <v>577</v>
      </c>
      <c r="C3" s="160"/>
      <c r="D3" s="159"/>
      <c r="E3" s="451" t="s">
        <v>503</v>
      </c>
      <c r="F3" s="398"/>
    </row>
    <row r="4" spans="1:20" s="252" customFormat="1" ht="31.5" customHeight="1" thickBot="1" x14ac:dyDescent="0.2">
      <c r="B4" s="714"/>
      <c r="C4" s="715"/>
      <c r="D4" s="248" t="s">
        <v>470</v>
      </c>
      <c r="E4" s="404" t="s">
        <v>35</v>
      </c>
      <c r="F4" s="399" t="s">
        <v>471</v>
      </c>
      <c r="G4" s="399" t="s">
        <v>472</v>
      </c>
      <c r="H4" s="399" t="s">
        <v>473</v>
      </c>
      <c r="I4" s="249" t="s">
        <v>474</v>
      </c>
      <c r="J4" s="249" t="s">
        <v>475</v>
      </c>
      <c r="K4" s="161" t="s">
        <v>476</v>
      </c>
      <c r="L4" s="161" t="s">
        <v>477</v>
      </c>
      <c r="M4" s="249" t="s">
        <v>478</v>
      </c>
      <c r="N4" s="309" t="s">
        <v>479</v>
      </c>
      <c r="O4" s="249" t="s">
        <v>480</v>
      </c>
      <c r="P4" s="309" t="s">
        <v>504</v>
      </c>
      <c r="Q4" s="310" t="s">
        <v>421</v>
      </c>
      <c r="R4" s="249" t="s">
        <v>420</v>
      </c>
      <c r="S4" s="251" t="s">
        <v>17</v>
      </c>
    </row>
    <row r="5" spans="1:20" ht="20.100000000000001" customHeight="1" thickTop="1" x14ac:dyDescent="0.15">
      <c r="B5" s="716" t="s">
        <v>492</v>
      </c>
      <c r="C5" s="415" t="s">
        <v>42</v>
      </c>
      <c r="D5" s="416">
        <v>30</v>
      </c>
      <c r="E5" s="253">
        <v>32</v>
      </c>
      <c r="F5" s="339">
        <v>6</v>
      </c>
      <c r="G5" s="253">
        <v>32</v>
      </c>
      <c r="H5" s="339">
        <v>7</v>
      </c>
      <c r="I5" s="339">
        <v>95</v>
      </c>
      <c r="J5" s="339">
        <v>64</v>
      </c>
      <c r="K5" s="339">
        <v>59</v>
      </c>
      <c r="L5" s="253">
        <v>3</v>
      </c>
      <c r="M5" s="253">
        <v>70</v>
      </c>
      <c r="N5" s="253">
        <v>32</v>
      </c>
      <c r="O5" s="253">
        <v>66</v>
      </c>
      <c r="P5" s="417">
        <v>286</v>
      </c>
      <c r="Q5" s="357"/>
      <c r="R5" s="358"/>
      <c r="S5" s="323">
        <v>782</v>
      </c>
    </row>
    <row r="6" spans="1:20" ht="20.100000000000001" customHeight="1" x14ac:dyDescent="0.15">
      <c r="B6" s="716"/>
      <c r="C6" s="418" t="s">
        <v>428</v>
      </c>
      <c r="D6" s="386">
        <v>2</v>
      </c>
      <c r="E6" s="383">
        <v>8</v>
      </c>
      <c r="F6" s="383">
        <v>0</v>
      </c>
      <c r="G6" s="383">
        <v>0</v>
      </c>
      <c r="H6" s="383">
        <v>0</v>
      </c>
      <c r="I6" s="383">
        <v>5</v>
      </c>
      <c r="J6" s="383">
        <v>7</v>
      </c>
      <c r="K6" s="383">
        <v>2</v>
      </c>
      <c r="L6" s="383">
        <v>0</v>
      </c>
      <c r="M6" s="383">
        <v>3</v>
      </c>
      <c r="N6" s="383">
        <v>3</v>
      </c>
      <c r="O6" s="383">
        <v>5</v>
      </c>
      <c r="P6" s="419">
        <v>23</v>
      </c>
      <c r="Q6" s="420"/>
      <c r="R6" s="421"/>
      <c r="S6" s="422">
        <v>58</v>
      </c>
      <c r="T6" s="191"/>
    </row>
    <row r="7" spans="1:20" ht="20.100000000000001" customHeight="1" thickBot="1" x14ac:dyDescent="0.2">
      <c r="B7" s="717"/>
      <c r="C7" s="423" t="s">
        <v>2</v>
      </c>
      <c r="D7" s="606">
        <v>3.8363171355498722E-2</v>
      </c>
      <c r="E7" s="573">
        <v>4.0920716112531973E-2</v>
      </c>
      <c r="F7" s="573">
        <v>7.6726342710997444E-3</v>
      </c>
      <c r="G7" s="573">
        <v>4.0920716112531973E-2</v>
      </c>
      <c r="H7" s="573">
        <v>8.9514066496163679E-3</v>
      </c>
      <c r="I7" s="573">
        <v>0.12148337595907928</v>
      </c>
      <c r="J7" s="573">
        <v>8.1841432225063945E-2</v>
      </c>
      <c r="K7" s="573">
        <v>7.5447570332480812E-2</v>
      </c>
      <c r="L7" s="573">
        <v>3.8363171355498722E-3</v>
      </c>
      <c r="M7" s="573">
        <v>8.9514066496163683E-2</v>
      </c>
      <c r="N7" s="573">
        <v>4.0920716112531973E-2</v>
      </c>
      <c r="O7" s="573">
        <v>8.4398976982097182E-2</v>
      </c>
      <c r="P7" s="573">
        <v>0.3657289002557545</v>
      </c>
      <c r="Q7" s="607"/>
      <c r="R7" s="608"/>
      <c r="S7" s="609">
        <v>1</v>
      </c>
    </row>
    <row r="8" spans="1:20" ht="20.100000000000001" customHeight="1" x14ac:dyDescent="0.15">
      <c r="B8" s="718" t="s">
        <v>419</v>
      </c>
      <c r="C8" s="424" t="s">
        <v>42</v>
      </c>
      <c r="D8" s="425">
        <v>19</v>
      </c>
      <c r="E8" s="193">
        <v>21</v>
      </c>
      <c r="F8" s="710">
        <v>54</v>
      </c>
      <c r="G8" s="711"/>
      <c r="H8" s="192">
        <v>8</v>
      </c>
      <c r="I8" s="192">
        <v>81</v>
      </c>
      <c r="J8" s="192">
        <v>30</v>
      </c>
      <c r="K8" s="192">
        <v>52</v>
      </c>
      <c r="L8" s="296"/>
      <c r="M8" s="297"/>
      <c r="N8" s="297"/>
      <c r="O8" s="297"/>
      <c r="P8" s="426">
        <v>232</v>
      </c>
      <c r="Q8" s="204">
        <v>166</v>
      </c>
      <c r="R8" s="192">
        <v>98</v>
      </c>
      <c r="S8" s="205">
        <v>761</v>
      </c>
    </row>
    <row r="9" spans="1:20" ht="20.100000000000001" customHeight="1" thickBot="1" x14ac:dyDescent="0.2">
      <c r="B9" s="719"/>
      <c r="C9" s="427" t="s">
        <v>2</v>
      </c>
      <c r="D9" s="606">
        <v>2.5000000000000001E-2</v>
      </c>
      <c r="E9" s="573">
        <v>2.8000000000000001E-2</v>
      </c>
      <c r="F9" s="712">
        <v>7.0999999999999994E-2</v>
      </c>
      <c r="G9" s="713"/>
      <c r="H9" s="573">
        <v>1.0999999999999999E-2</v>
      </c>
      <c r="I9" s="573">
        <v>0.106</v>
      </c>
      <c r="J9" s="573">
        <v>3.9E-2</v>
      </c>
      <c r="K9" s="573">
        <v>6.8000000000000005E-2</v>
      </c>
      <c r="L9" s="610"/>
      <c r="M9" s="611"/>
      <c r="N9" s="611"/>
      <c r="O9" s="611"/>
      <c r="P9" s="612">
        <v>0.30499999999999999</v>
      </c>
      <c r="Q9" s="606">
        <v>0.218</v>
      </c>
      <c r="R9" s="573">
        <v>0.129</v>
      </c>
      <c r="S9" s="609">
        <v>1</v>
      </c>
    </row>
    <row r="10" spans="1:20" ht="20.100000000000001" customHeight="1" x14ac:dyDescent="0.15">
      <c r="B10" s="708" t="s">
        <v>386</v>
      </c>
      <c r="C10" s="424" t="s">
        <v>42</v>
      </c>
      <c r="D10" s="425">
        <v>7</v>
      </c>
      <c r="E10" s="162">
        <v>13</v>
      </c>
      <c r="F10" s="710">
        <v>25</v>
      </c>
      <c r="G10" s="711"/>
      <c r="H10" s="162">
        <v>6</v>
      </c>
      <c r="I10" s="162">
        <v>77</v>
      </c>
      <c r="J10" s="162">
        <v>15</v>
      </c>
      <c r="K10" s="162">
        <v>40</v>
      </c>
      <c r="L10" s="298"/>
      <c r="M10" s="299"/>
      <c r="N10" s="299"/>
      <c r="O10" s="299"/>
      <c r="P10" s="426">
        <v>150</v>
      </c>
      <c r="Q10" s="202">
        <v>156</v>
      </c>
      <c r="R10" s="162">
        <v>84</v>
      </c>
      <c r="S10" s="206">
        <v>573</v>
      </c>
    </row>
    <row r="11" spans="1:20" ht="20.100000000000001" customHeight="1" thickBot="1" x14ac:dyDescent="0.2">
      <c r="B11" s="709"/>
      <c r="C11" s="427" t="s">
        <v>2</v>
      </c>
      <c r="D11" s="613">
        <v>1.2E-2</v>
      </c>
      <c r="E11" s="573">
        <v>2.3E-2</v>
      </c>
      <c r="F11" s="712">
        <v>4.3999999999999997E-2</v>
      </c>
      <c r="G11" s="713"/>
      <c r="H11" s="573">
        <v>0.01</v>
      </c>
      <c r="I11" s="573">
        <v>0.13400000000000001</v>
      </c>
      <c r="J11" s="573">
        <v>2.5999999999999999E-2</v>
      </c>
      <c r="K11" s="573">
        <v>7.0000000000000007E-2</v>
      </c>
      <c r="L11" s="610"/>
      <c r="M11" s="611"/>
      <c r="N11" s="611"/>
      <c r="O11" s="611"/>
      <c r="P11" s="612">
        <v>0.26200000000000001</v>
      </c>
      <c r="Q11" s="606">
        <v>0.27200000000000002</v>
      </c>
      <c r="R11" s="573">
        <v>0.14699999999999999</v>
      </c>
      <c r="S11" s="609">
        <v>1</v>
      </c>
    </row>
    <row r="12" spans="1:20" ht="20.100000000000001" customHeight="1" x14ac:dyDescent="0.15">
      <c r="M12" s="179"/>
      <c r="N12" s="179"/>
      <c r="O12" s="179"/>
    </row>
    <row r="13" spans="1:20" ht="21.75" customHeight="1" thickBot="1" x14ac:dyDescent="0.2">
      <c r="B13" s="158" t="s">
        <v>578</v>
      </c>
      <c r="C13" s="254"/>
      <c r="D13" s="216"/>
      <c r="E13" s="216"/>
      <c r="F13" s="216"/>
      <c r="H13" s="216"/>
      <c r="I13" s="216"/>
      <c r="J13" s="216"/>
      <c r="K13" s="216" t="s">
        <v>563</v>
      </c>
      <c r="L13" s="216"/>
      <c r="M13" s="216"/>
      <c r="N13" s="216"/>
      <c r="O13" s="216"/>
      <c r="P13" s="216"/>
      <c r="Q13" s="255"/>
    </row>
    <row r="14" spans="1:20" ht="20.100000000000001" customHeight="1" thickBot="1" x14ac:dyDescent="0.2">
      <c r="B14" s="403" t="s">
        <v>26</v>
      </c>
      <c r="C14" s="174" t="s">
        <v>429</v>
      </c>
      <c r="D14" s="311" t="s">
        <v>482</v>
      </c>
      <c r="E14" s="250" t="s">
        <v>483</v>
      </c>
      <c r="F14" s="569" t="s">
        <v>484</v>
      </c>
      <c r="G14" s="452" t="s">
        <v>430</v>
      </c>
      <c r="H14" s="184" t="s">
        <v>431</v>
      </c>
      <c r="I14" s="191"/>
      <c r="J14" s="446"/>
      <c r="K14" s="671" t="s">
        <v>432</v>
      </c>
      <c r="L14" s="668"/>
      <c r="M14" s="453" t="s">
        <v>433</v>
      </c>
    </row>
    <row r="15" spans="1:20" ht="20.100000000000001" customHeight="1" thickTop="1" x14ac:dyDescent="0.15">
      <c r="B15" s="256" t="s">
        <v>27</v>
      </c>
      <c r="C15" s="387">
        <v>139</v>
      </c>
      <c r="D15" s="312">
        <v>94</v>
      </c>
      <c r="E15" s="349">
        <v>17</v>
      </c>
      <c r="F15" s="350">
        <v>71</v>
      </c>
      <c r="G15" s="349">
        <v>110</v>
      </c>
      <c r="H15" s="351">
        <v>292</v>
      </c>
      <c r="J15" s="447"/>
      <c r="K15" s="670" t="s">
        <v>434</v>
      </c>
      <c r="L15" s="704"/>
      <c r="M15" s="486">
        <v>61</v>
      </c>
    </row>
    <row r="16" spans="1:20" ht="20.100000000000001" customHeight="1" x14ac:dyDescent="0.15">
      <c r="B16" s="256" t="s">
        <v>28</v>
      </c>
      <c r="C16" s="387">
        <v>35</v>
      </c>
      <c r="D16" s="312">
        <v>47</v>
      </c>
      <c r="E16" s="349">
        <v>3</v>
      </c>
      <c r="F16" s="350">
        <v>9</v>
      </c>
      <c r="G16" s="349">
        <v>91</v>
      </c>
      <c r="H16" s="351">
        <v>150</v>
      </c>
      <c r="J16" s="257"/>
      <c r="K16" s="669" t="s">
        <v>435</v>
      </c>
      <c r="L16" s="705"/>
      <c r="M16" s="355">
        <v>95</v>
      </c>
    </row>
    <row r="17" spans="1:19" ht="20.100000000000001" customHeight="1" x14ac:dyDescent="0.15">
      <c r="B17" s="256" t="s">
        <v>29</v>
      </c>
      <c r="C17" s="387">
        <v>34</v>
      </c>
      <c r="D17" s="312">
        <v>22</v>
      </c>
      <c r="E17" s="349">
        <v>5</v>
      </c>
      <c r="F17" s="350">
        <v>24</v>
      </c>
      <c r="G17" s="349">
        <v>20</v>
      </c>
      <c r="H17" s="351">
        <v>71</v>
      </c>
      <c r="J17" s="257"/>
      <c r="K17" s="669" t="s">
        <v>436</v>
      </c>
      <c r="L17" s="705"/>
      <c r="M17" s="355">
        <v>24</v>
      </c>
    </row>
    <row r="18" spans="1:19" ht="20.100000000000001" customHeight="1" x14ac:dyDescent="0.15">
      <c r="B18" s="406" t="s">
        <v>30</v>
      </c>
      <c r="C18" s="388">
        <v>28</v>
      </c>
      <c r="D18" s="313">
        <v>14</v>
      </c>
      <c r="E18" s="352">
        <v>3</v>
      </c>
      <c r="F18" s="353">
        <v>12</v>
      </c>
      <c r="G18" s="352">
        <v>33</v>
      </c>
      <c r="H18" s="351">
        <v>62</v>
      </c>
      <c r="J18" s="257"/>
      <c r="K18" s="669" t="s">
        <v>437</v>
      </c>
      <c r="L18" s="705"/>
      <c r="M18" s="355">
        <v>36</v>
      </c>
    </row>
    <row r="19" spans="1:19" s="258" customFormat="1" ht="20.100000000000001" customHeight="1" thickBot="1" x14ac:dyDescent="0.2">
      <c r="B19" s="406" t="s">
        <v>31</v>
      </c>
      <c r="C19" s="388">
        <v>25</v>
      </c>
      <c r="D19" s="313">
        <v>11</v>
      </c>
      <c r="E19" s="352">
        <v>2</v>
      </c>
      <c r="F19" s="353">
        <v>6</v>
      </c>
      <c r="G19" s="352">
        <v>29</v>
      </c>
      <c r="H19" s="351">
        <v>48</v>
      </c>
      <c r="J19" s="257"/>
      <c r="K19" s="706" t="s">
        <v>430</v>
      </c>
      <c r="L19" s="707"/>
      <c r="M19" s="356">
        <v>17</v>
      </c>
    </row>
    <row r="20" spans="1:19" s="258" customFormat="1" ht="20.100000000000001" customHeight="1" thickTop="1" thickBot="1" x14ac:dyDescent="0.2">
      <c r="B20" s="407" t="s">
        <v>32</v>
      </c>
      <c r="C20" s="388">
        <v>21</v>
      </c>
      <c r="D20" s="313">
        <v>17</v>
      </c>
      <c r="E20" s="352">
        <v>4</v>
      </c>
      <c r="F20" s="353">
        <v>6</v>
      </c>
      <c r="G20" s="352">
        <v>15</v>
      </c>
      <c r="H20" s="351">
        <v>42</v>
      </c>
      <c r="J20" s="257"/>
      <c r="K20" s="702" t="s">
        <v>431</v>
      </c>
      <c r="L20" s="703"/>
      <c r="M20" s="657">
        <v>233</v>
      </c>
      <c r="N20" s="315"/>
    </row>
    <row r="21" spans="1:19" ht="20.100000000000001" customHeight="1" x14ac:dyDescent="0.15">
      <c r="B21" s="407" t="s">
        <v>33</v>
      </c>
      <c r="C21" s="388">
        <v>31</v>
      </c>
      <c r="D21" s="313">
        <v>19</v>
      </c>
      <c r="E21" s="352">
        <v>0</v>
      </c>
      <c r="F21" s="353">
        <v>10</v>
      </c>
      <c r="G21" s="352">
        <v>16</v>
      </c>
      <c r="H21" s="351">
        <v>45</v>
      </c>
      <c r="J21" s="260"/>
      <c r="K21" s="216"/>
      <c r="L21" s="216"/>
    </row>
    <row r="22" spans="1:19" ht="20.100000000000001" customHeight="1" thickBot="1" x14ac:dyDescent="0.2">
      <c r="B22" s="408" t="s">
        <v>34</v>
      </c>
      <c r="C22" s="389">
        <v>18</v>
      </c>
      <c r="D22" s="313">
        <v>9</v>
      </c>
      <c r="E22" s="352">
        <v>1</v>
      </c>
      <c r="F22" s="353">
        <v>9</v>
      </c>
      <c r="G22" s="352">
        <v>6</v>
      </c>
      <c r="H22" s="354">
        <v>25</v>
      </c>
      <c r="J22" s="216"/>
      <c r="K22" s="216"/>
      <c r="L22" s="216"/>
      <c r="M22" s="216"/>
      <c r="N22" s="216"/>
      <c r="O22" s="216"/>
      <c r="P22" s="216"/>
      <c r="Q22" s="216"/>
      <c r="R22" s="255"/>
    </row>
    <row r="23" spans="1:19" ht="20.100000000000001" customHeight="1" thickTop="1" thickBot="1" x14ac:dyDescent="0.2">
      <c r="B23" s="259" t="s">
        <v>17</v>
      </c>
      <c r="C23" s="390">
        <v>331</v>
      </c>
      <c r="D23" s="656">
        <v>233</v>
      </c>
      <c r="E23" s="487">
        <v>35</v>
      </c>
      <c r="F23" s="487">
        <v>147</v>
      </c>
      <c r="G23" s="488">
        <v>320</v>
      </c>
      <c r="H23" s="489">
        <v>735</v>
      </c>
      <c r="K23" s="490"/>
      <c r="L23" s="490"/>
      <c r="M23" s="490"/>
      <c r="N23" s="490"/>
      <c r="O23"/>
      <c r="P23"/>
    </row>
    <row r="24" spans="1:19" ht="20.100000000000001" customHeight="1" thickTop="1" thickBot="1" x14ac:dyDescent="0.2">
      <c r="B24" s="261" t="s">
        <v>2</v>
      </c>
      <c r="C24" s="262"/>
      <c r="D24" s="314">
        <v>0.31700680272108844</v>
      </c>
      <c r="E24" s="263">
        <v>4.7619047619047616E-2</v>
      </c>
      <c r="F24" s="263">
        <v>0.2</v>
      </c>
      <c r="G24" s="614">
        <v>0.43537414965986393</v>
      </c>
      <c r="H24" s="264">
        <v>1</v>
      </c>
    </row>
    <row r="26" spans="1:19" s="414" customFormat="1" ht="23.25" customHeight="1" thickBot="1" x14ac:dyDescent="0.2">
      <c r="A26" s="179"/>
      <c r="B26" s="179" t="s">
        <v>579</v>
      </c>
      <c r="C26" s="179"/>
      <c r="D26" s="179"/>
      <c r="E26" s="179"/>
      <c r="F26" s="179"/>
      <c r="G26" s="179"/>
      <c r="H26" s="179"/>
      <c r="I26" s="179"/>
      <c r="J26" s="179"/>
      <c r="K26" s="179"/>
      <c r="L26" s="179"/>
      <c r="M26" s="179"/>
      <c r="N26" s="179"/>
      <c r="O26" s="179"/>
      <c r="P26" s="179"/>
      <c r="Q26" s="179"/>
      <c r="R26" s="179"/>
      <c r="S26" s="179"/>
    </row>
    <row r="27" spans="1:19" s="414" customFormat="1" ht="33" customHeight="1" thickBot="1" x14ac:dyDescent="0.2">
      <c r="A27" s="179"/>
      <c r="B27" s="529" t="s">
        <v>533</v>
      </c>
      <c r="C27" s="456" t="s">
        <v>505</v>
      </c>
      <c r="D27" s="311" t="s">
        <v>470</v>
      </c>
      <c r="E27" s="462" t="s">
        <v>35</v>
      </c>
      <c r="F27" s="413" t="s">
        <v>471</v>
      </c>
      <c r="G27" s="413" t="s">
        <v>472</v>
      </c>
      <c r="H27" s="413" t="s">
        <v>473</v>
      </c>
      <c r="I27" s="491" t="s">
        <v>474</v>
      </c>
      <c r="J27" s="491" t="s">
        <v>475</v>
      </c>
      <c r="K27" s="492" t="s">
        <v>476</v>
      </c>
      <c r="L27" s="492" t="s">
        <v>477</v>
      </c>
      <c r="M27" s="491" t="s">
        <v>478</v>
      </c>
      <c r="N27" s="493" t="s">
        <v>479</v>
      </c>
      <c r="O27" s="491" t="s">
        <v>480</v>
      </c>
      <c r="P27" s="494" t="s">
        <v>481</v>
      </c>
      <c r="Q27" s="495" t="s">
        <v>431</v>
      </c>
      <c r="R27" s="179"/>
      <c r="S27" s="179"/>
    </row>
    <row r="28" spans="1:19" s="414" customFormat="1" ht="32.1" customHeight="1" thickTop="1" x14ac:dyDescent="0.15">
      <c r="A28" s="179"/>
      <c r="B28" s="496" t="s">
        <v>501</v>
      </c>
      <c r="C28" s="497">
        <v>1</v>
      </c>
      <c r="D28" s="498">
        <v>0</v>
      </c>
      <c r="E28" s="499">
        <v>0</v>
      </c>
      <c r="F28" s="349">
        <v>0</v>
      </c>
      <c r="G28" s="350">
        <v>0</v>
      </c>
      <c r="H28" s="350">
        <v>0</v>
      </c>
      <c r="I28" s="350">
        <v>0</v>
      </c>
      <c r="J28" s="350">
        <v>0</v>
      </c>
      <c r="K28" s="350">
        <v>0</v>
      </c>
      <c r="L28" s="350">
        <v>0</v>
      </c>
      <c r="M28" s="350">
        <v>0</v>
      </c>
      <c r="N28" s="350">
        <v>0</v>
      </c>
      <c r="O28" s="350">
        <v>0</v>
      </c>
      <c r="P28" s="500">
        <v>0</v>
      </c>
      <c r="Q28" s="501">
        <v>0</v>
      </c>
      <c r="R28" s="179"/>
      <c r="S28" s="179"/>
    </row>
    <row r="29" spans="1:19" s="414" customFormat="1" ht="31.5" customHeight="1" x14ac:dyDescent="0.15">
      <c r="A29" s="179"/>
      <c r="B29" s="502" t="s">
        <v>534</v>
      </c>
      <c r="C29" s="388">
        <v>99</v>
      </c>
      <c r="D29" s="503">
        <v>13</v>
      </c>
      <c r="E29" s="504">
        <v>3</v>
      </c>
      <c r="F29" s="352">
        <v>0</v>
      </c>
      <c r="G29" s="353">
        <v>4</v>
      </c>
      <c r="H29" s="353">
        <v>0</v>
      </c>
      <c r="I29" s="353">
        <v>16</v>
      </c>
      <c r="J29" s="353">
        <v>11</v>
      </c>
      <c r="K29" s="353">
        <v>4</v>
      </c>
      <c r="L29" s="353">
        <v>0</v>
      </c>
      <c r="M29" s="353">
        <v>16</v>
      </c>
      <c r="N29" s="353">
        <v>3</v>
      </c>
      <c r="O29" s="353">
        <v>20</v>
      </c>
      <c r="P29" s="505">
        <v>78</v>
      </c>
      <c r="Q29" s="501">
        <v>168</v>
      </c>
      <c r="R29" s="179"/>
      <c r="S29" s="179"/>
    </row>
    <row r="30" spans="1:19" s="414" customFormat="1" ht="32.1" customHeight="1" x14ac:dyDescent="0.15">
      <c r="A30" s="179"/>
      <c r="B30" s="502" t="s">
        <v>535</v>
      </c>
      <c r="C30" s="388">
        <v>77</v>
      </c>
      <c r="D30" s="503">
        <v>2</v>
      </c>
      <c r="E30" s="504">
        <v>0</v>
      </c>
      <c r="F30" s="352">
        <v>2</v>
      </c>
      <c r="G30" s="353">
        <v>3</v>
      </c>
      <c r="H30" s="353">
        <v>1</v>
      </c>
      <c r="I30" s="353">
        <v>22</v>
      </c>
      <c r="J30" s="353">
        <v>10</v>
      </c>
      <c r="K30" s="353">
        <v>11</v>
      </c>
      <c r="L30" s="353">
        <v>1</v>
      </c>
      <c r="M30" s="353">
        <v>15</v>
      </c>
      <c r="N30" s="353">
        <v>10</v>
      </c>
      <c r="O30" s="353">
        <v>20</v>
      </c>
      <c r="P30" s="505">
        <v>71</v>
      </c>
      <c r="Q30" s="501">
        <v>168</v>
      </c>
      <c r="R30" s="179"/>
      <c r="S30" s="179"/>
    </row>
    <row r="31" spans="1:19" s="414" customFormat="1" ht="32.1" customHeight="1" x14ac:dyDescent="0.15">
      <c r="A31" s="179"/>
      <c r="B31" s="502" t="s">
        <v>536</v>
      </c>
      <c r="C31" s="388">
        <v>156</v>
      </c>
      <c r="D31" s="503">
        <v>11</v>
      </c>
      <c r="E31" s="504">
        <v>4</v>
      </c>
      <c r="F31" s="352">
        <v>4</v>
      </c>
      <c r="G31" s="353">
        <v>15</v>
      </c>
      <c r="H31" s="353">
        <v>5</v>
      </c>
      <c r="I31" s="353">
        <v>27</v>
      </c>
      <c r="J31" s="353">
        <v>22</v>
      </c>
      <c r="K31" s="353">
        <v>24</v>
      </c>
      <c r="L31" s="353">
        <v>1</v>
      </c>
      <c r="M31" s="353">
        <v>17</v>
      </c>
      <c r="N31" s="353">
        <v>7</v>
      </c>
      <c r="O31" s="353">
        <v>18</v>
      </c>
      <c r="P31" s="505">
        <v>66</v>
      </c>
      <c r="Q31" s="501">
        <v>221</v>
      </c>
      <c r="R31" s="179"/>
      <c r="S31" s="179"/>
    </row>
    <row r="32" spans="1:19" s="414" customFormat="1" ht="31.5" customHeight="1" thickBot="1" x14ac:dyDescent="0.2">
      <c r="A32" s="179"/>
      <c r="B32" s="506" t="s">
        <v>502</v>
      </c>
      <c r="C32" s="507">
        <v>212</v>
      </c>
      <c r="D32" s="503">
        <v>4</v>
      </c>
      <c r="E32" s="504">
        <v>25</v>
      </c>
      <c r="F32" s="352">
        <v>0</v>
      </c>
      <c r="G32" s="353">
        <v>10</v>
      </c>
      <c r="H32" s="353">
        <v>1</v>
      </c>
      <c r="I32" s="353">
        <v>30</v>
      </c>
      <c r="J32" s="353">
        <v>21</v>
      </c>
      <c r="K32" s="353">
        <v>20</v>
      </c>
      <c r="L32" s="353">
        <v>1</v>
      </c>
      <c r="M32" s="353">
        <v>22</v>
      </c>
      <c r="N32" s="353">
        <v>12</v>
      </c>
      <c r="O32" s="353">
        <v>8</v>
      </c>
      <c r="P32" s="505">
        <v>71</v>
      </c>
      <c r="Q32" s="501">
        <v>225</v>
      </c>
      <c r="R32" s="179"/>
      <c r="S32" s="179"/>
    </row>
    <row r="33" spans="1:19" s="414" customFormat="1" ht="31.5" customHeight="1" thickTop="1" thickBot="1" x14ac:dyDescent="0.2">
      <c r="A33" s="179"/>
      <c r="B33" s="508" t="s">
        <v>17</v>
      </c>
      <c r="C33" s="509">
        <v>545</v>
      </c>
      <c r="D33" s="510">
        <v>30</v>
      </c>
      <c r="E33" s="510">
        <v>32</v>
      </c>
      <c r="F33" s="510">
        <v>6</v>
      </c>
      <c r="G33" s="510">
        <v>32</v>
      </c>
      <c r="H33" s="510">
        <v>7</v>
      </c>
      <c r="I33" s="510">
        <v>95</v>
      </c>
      <c r="J33" s="510">
        <v>64</v>
      </c>
      <c r="K33" s="510">
        <v>59</v>
      </c>
      <c r="L33" s="510">
        <v>3</v>
      </c>
      <c r="M33" s="510">
        <v>70</v>
      </c>
      <c r="N33" s="510">
        <v>32</v>
      </c>
      <c r="O33" s="510">
        <v>66</v>
      </c>
      <c r="P33" s="510">
        <v>286</v>
      </c>
      <c r="Q33" s="511">
        <v>782</v>
      </c>
      <c r="R33" s="179"/>
      <c r="S33" s="179"/>
    </row>
    <row r="34" spans="1:19" s="414" customFormat="1" ht="20.100000000000001" customHeight="1" thickTop="1" thickBot="1" x14ac:dyDescent="0.2">
      <c r="A34" s="179"/>
      <c r="B34" s="430" t="s">
        <v>2</v>
      </c>
      <c r="C34" s="512"/>
      <c r="D34" s="513">
        <v>3.8363171355498722E-2</v>
      </c>
      <c r="E34" s="514">
        <v>4.0920716112531973E-2</v>
      </c>
      <c r="F34" s="515">
        <v>7.6726342710997444E-3</v>
      </c>
      <c r="G34" s="515">
        <v>4.0920716112531973E-2</v>
      </c>
      <c r="H34" s="515">
        <v>8.9514066496163679E-3</v>
      </c>
      <c r="I34" s="515">
        <v>0.12148337595907928</v>
      </c>
      <c r="J34" s="515">
        <v>8.1841432225063945E-2</v>
      </c>
      <c r="K34" s="515">
        <v>7.5447570332480812E-2</v>
      </c>
      <c r="L34" s="515">
        <v>3.8363171355498722E-3</v>
      </c>
      <c r="M34" s="515">
        <v>8.9514066496163683E-2</v>
      </c>
      <c r="N34" s="515">
        <v>4.0920716112531973E-2</v>
      </c>
      <c r="O34" s="515">
        <v>8.4398976982097182E-2</v>
      </c>
      <c r="P34" s="515">
        <v>0.3657289002557545</v>
      </c>
      <c r="Q34" s="615">
        <v>1</v>
      </c>
      <c r="R34" s="179"/>
      <c r="S34" s="179"/>
    </row>
    <row r="35" spans="1:19" s="414" customFormat="1" ht="1.5" customHeight="1" x14ac:dyDescent="0.15">
      <c r="A35" s="179"/>
      <c r="B35" s="461"/>
      <c r="C35" s="177"/>
      <c r="D35" s="516"/>
      <c r="E35" s="516"/>
      <c r="F35" s="516"/>
      <c r="G35" s="516"/>
      <c r="H35" s="516"/>
      <c r="I35" s="516"/>
      <c r="J35" s="516"/>
      <c r="K35" s="516"/>
      <c r="L35" s="516"/>
      <c r="M35" s="516"/>
      <c r="N35" s="516"/>
      <c r="O35" s="516"/>
      <c r="P35" s="516"/>
      <c r="Q35" s="517"/>
      <c r="R35" s="179"/>
      <c r="S35" s="179"/>
    </row>
    <row r="36" spans="1:19" s="414" customFormat="1" ht="20.100000000000001" customHeight="1" x14ac:dyDescent="0.15">
      <c r="A36" s="179"/>
      <c r="B36" s="179"/>
      <c r="C36" s="179"/>
      <c r="D36" s="179"/>
      <c r="E36" s="179"/>
      <c r="F36" s="179"/>
      <c r="G36" s="179"/>
      <c r="H36" s="179"/>
      <c r="I36" s="179"/>
      <c r="J36" s="179"/>
      <c r="K36" s="179"/>
      <c r="L36" s="179"/>
      <c r="M36" s="179"/>
      <c r="N36" s="179"/>
      <c r="O36" s="179"/>
      <c r="P36" s="179"/>
      <c r="Q36" s="179"/>
      <c r="R36" s="179"/>
      <c r="S36" s="179"/>
    </row>
    <row r="37" spans="1:19" s="414" customFormat="1" ht="25.5" customHeight="1" thickBot="1" x14ac:dyDescent="0.2">
      <c r="A37" s="179"/>
      <c r="B37" s="179" t="s">
        <v>580</v>
      </c>
      <c r="C37" s="179"/>
      <c r="D37" s="179"/>
      <c r="E37" s="179"/>
      <c r="F37" s="179"/>
      <c r="G37" s="179"/>
      <c r="H37" s="179"/>
      <c r="I37" s="179"/>
      <c r="J37" s="179"/>
      <c r="K37" s="179"/>
      <c r="L37" s="179"/>
      <c r="M37" s="179"/>
      <c r="N37" s="179"/>
      <c r="O37" s="179"/>
      <c r="P37" s="179"/>
      <c r="Q37" s="179"/>
      <c r="R37" s="179"/>
      <c r="S37" s="179"/>
    </row>
    <row r="38" spans="1:19" s="414" customFormat="1" ht="32.1" customHeight="1" thickBot="1" x14ac:dyDescent="0.2">
      <c r="A38" s="179"/>
      <c r="B38" s="454" t="s">
        <v>6</v>
      </c>
      <c r="C38" s="457" t="s">
        <v>505</v>
      </c>
      <c r="D38" s="311" t="s">
        <v>470</v>
      </c>
      <c r="E38" s="462" t="s">
        <v>35</v>
      </c>
      <c r="F38" s="413" t="s">
        <v>471</v>
      </c>
      <c r="G38" s="413" t="s">
        <v>472</v>
      </c>
      <c r="H38" s="413" t="s">
        <v>473</v>
      </c>
      <c r="I38" s="491" t="s">
        <v>474</v>
      </c>
      <c r="J38" s="491" t="s">
        <v>475</v>
      </c>
      <c r="K38" s="492" t="s">
        <v>476</v>
      </c>
      <c r="L38" s="492" t="s">
        <v>477</v>
      </c>
      <c r="M38" s="491" t="s">
        <v>478</v>
      </c>
      <c r="N38" s="493" t="s">
        <v>479</v>
      </c>
      <c r="O38" s="491" t="s">
        <v>480</v>
      </c>
      <c r="P38" s="494" t="s">
        <v>481</v>
      </c>
      <c r="Q38" s="495" t="s">
        <v>431</v>
      </c>
      <c r="R38" s="179"/>
      <c r="S38" s="179"/>
    </row>
    <row r="39" spans="1:19" s="414" customFormat="1" ht="19.5" customHeight="1" thickTop="1" x14ac:dyDescent="0.15">
      <c r="A39" s="179"/>
      <c r="B39" s="518" t="s">
        <v>8</v>
      </c>
      <c r="C39" s="497">
        <v>140</v>
      </c>
      <c r="D39" s="498">
        <v>2</v>
      </c>
      <c r="E39" s="499">
        <v>2</v>
      </c>
      <c r="F39" s="349">
        <v>1</v>
      </c>
      <c r="G39" s="350">
        <v>5</v>
      </c>
      <c r="H39" s="350">
        <v>0</v>
      </c>
      <c r="I39" s="350">
        <v>16</v>
      </c>
      <c r="J39" s="350">
        <v>9</v>
      </c>
      <c r="K39" s="350">
        <v>8</v>
      </c>
      <c r="L39" s="350">
        <v>0</v>
      </c>
      <c r="M39" s="350">
        <v>12</v>
      </c>
      <c r="N39" s="350">
        <v>2</v>
      </c>
      <c r="O39" s="350">
        <v>12</v>
      </c>
      <c r="P39" s="500">
        <v>56</v>
      </c>
      <c r="Q39" s="501">
        <v>125</v>
      </c>
      <c r="R39" s="179"/>
      <c r="S39" s="179"/>
    </row>
    <row r="40" spans="1:19" s="414" customFormat="1" ht="19.5" customHeight="1" x14ac:dyDescent="0.15">
      <c r="A40" s="179"/>
      <c r="B40" s="519" t="s">
        <v>9</v>
      </c>
      <c r="C40" s="388">
        <v>281</v>
      </c>
      <c r="D40" s="503">
        <v>11</v>
      </c>
      <c r="E40" s="504">
        <v>11</v>
      </c>
      <c r="F40" s="352">
        <v>4</v>
      </c>
      <c r="G40" s="353">
        <v>13</v>
      </c>
      <c r="H40" s="353">
        <v>6</v>
      </c>
      <c r="I40" s="353">
        <v>43</v>
      </c>
      <c r="J40" s="353">
        <v>32</v>
      </c>
      <c r="K40" s="353">
        <v>21</v>
      </c>
      <c r="L40" s="353">
        <v>2</v>
      </c>
      <c r="M40" s="353">
        <v>21</v>
      </c>
      <c r="N40" s="353">
        <v>13</v>
      </c>
      <c r="O40" s="353">
        <v>20</v>
      </c>
      <c r="P40" s="505">
        <v>128</v>
      </c>
      <c r="Q40" s="501">
        <v>325</v>
      </c>
      <c r="R40" s="179"/>
      <c r="S40" s="179"/>
    </row>
    <row r="41" spans="1:19" s="414" customFormat="1" ht="19.5" customHeight="1" x14ac:dyDescent="0.15">
      <c r="A41" s="179"/>
      <c r="B41" s="519" t="s">
        <v>10</v>
      </c>
      <c r="C41" s="388">
        <v>89</v>
      </c>
      <c r="D41" s="503">
        <v>16</v>
      </c>
      <c r="E41" s="504">
        <v>13</v>
      </c>
      <c r="F41" s="352">
        <v>1</v>
      </c>
      <c r="G41" s="353">
        <v>13</v>
      </c>
      <c r="H41" s="353">
        <v>0</v>
      </c>
      <c r="I41" s="353">
        <v>17</v>
      </c>
      <c r="J41" s="353">
        <v>14</v>
      </c>
      <c r="K41" s="353">
        <v>16</v>
      </c>
      <c r="L41" s="353">
        <v>1</v>
      </c>
      <c r="M41" s="353">
        <v>23</v>
      </c>
      <c r="N41" s="353">
        <v>7</v>
      </c>
      <c r="O41" s="353">
        <v>22</v>
      </c>
      <c r="P41" s="505">
        <v>42</v>
      </c>
      <c r="Q41" s="501">
        <v>185</v>
      </c>
      <c r="R41" s="179"/>
      <c r="S41" s="179"/>
    </row>
    <row r="42" spans="1:19" s="414" customFormat="1" ht="19.5" customHeight="1" x14ac:dyDescent="0.15">
      <c r="A42" s="179"/>
      <c r="B42" s="520" t="s">
        <v>11</v>
      </c>
      <c r="C42" s="388">
        <v>25</v>
      </c>
      <c r="D42" s="503">
        <v>1</v>
      </c>
      <c r="E42" s="504">
        <v>5</v>
      </c>
      <c r="F42" s="352">
        <v>0</v>
      </c>
      <c r="G42" s="353">
        <v>1</v>
      </c>
      <c r="H42" s="353">
        <v>0</v>
      </c>
      <c r="I42" s="353">
        <v>10</v>
      </c>
      <c r="J42" s="353">
        <v>7</v>
      </c>
      <c r="K42" s="353">
        <v>4</v>
      </c>
      <c r="L42" s="353">
        <v>0</v>
      </c>
      <c r="M42" s="353">
        <v>5</v>
      </c>
      <c r="N42" s="353">
        <v>0</v>
      </c>
      <c r="O42" s="353">
        <v>3</v>
      </c>
      <c r="P42" s="505">
        <v>11</v>
      </c>
      <c r="Q42" s="501">
        <v>47</v>
      </c>
      <c r="R42" s="179"/>
      <c r="S42" s="179"/>
    </row>
    <row r="43" spans="1:19" s="414" customFormat="1" ht="19.5" customHeight="1" thickBot="1" x14ac:dyDescent="0.2">
      <c r="A43" s="179"/>
      <c r="B43" s="521" t="s">
        <v>12</v>
      </c>
      <c r="C43" s="522">
        <v>10</v>
      </c>
      <c r="D43" s="503">
        <v>0</v>
      </c>
      <c r="E43" s="504">
        <v>1</v>
      </c>
      <c r="F43" s="352">
        <v>0</v>
      </c>
      <c r="G43" s="353">
        <v>0</v>
      </c>
      <c r="H43" s="353">
        <v>1</v>
      </c>
      <c r="I43" s="353">
        <v>9</v>
      </c>
      <c r="J43" s="353">
        <v>2</v>
      </c>
      <c r="K43" s="353">
        <v>10</v>
      </c>
      <c r="L43" s="353">
        <v>0</v>
      </c>
      <c r="M43" s="353">
        <v>9</v>
      </c>
      <c r="N43" s="353">
        <v>10</v>
      </c>
      <c r="O43" s="353">
        <v>9</v>
      </c>
      <c r="P43" s="505">
        <v>49</v>
      </c>
      <c r="Q43" s="501">
        <v>100</v>
      </c>
      <c r="R43" s="179"/>
      <c r="S43" s="179"/>
    </row>
    <row r="44" spans="1:19" s="414" customFormat="1" ht="20.100000000000001" customHeight="1" thickTop="1" thickBot="1" x14ac:dyDescent="0.2">
      <c r="A44" s="179"/>
      <c r="B44" s="523" t="s">
        <v>506</v>
      </c>
      <c r="C44" s="390">
        <v>545</v>
      </c>
      <c r="D44" s="510">
        <v>30</v>
      </c>
      <c r="E44" s="510">
        <v>32</v>
      </c>
      <c r="F44" s="510">
        <v>6</v>
      </c>
      <c r="G44" s="510">
        <v>32</v>
      </c>
      <c r="H44" s="510">
        <v>7</v>
      </c>
      <c r="I44" s="510">
        <v>95</v>
      </c>
      <c r="J44" s="510">
        <v>64</v>
      </c>
      <c r="K44" s="510">
        <v>59</v>
      </c>
      <c r="L44" s="510">
        <v>3</v>
      </c>
      <c r="M44" s="510">
        <v>70</v>
      </c>
      <c r="N44" s="510">
        <v>32</v>
      </c>
      <c r="O44" s="510">
        <v>66</v>
      </c>
      <c r="P44" s="510">
        <v>286</v>
      </c>
      <c r="Q44" s="511">
        <v>782</v>
      </c>
      <c r="R44" s="179"/>
      <c r="S44" s="179"/>
    </row>
    <row r="45" spans="1:19" s="414" customFormat="1" ht="20.100000000000001" customHeight="1" thickTop="1" thickBot="1" x14ac:dyDescent="0.2">
      <c r="A45" s="179"/>
      <c r="B45" s="460" t="s">
        <v>553</v>
      </c>
      <c r="C45" s="512"/>
      <c r="D45" s="513">
        <v>3.8363171355498722E-2</v>
      </c>
      <c r="E45" s="514">
        <v>4.0920716112531973E-2</v>
      </c>
      <c r="F45" s="515">
        <v>7.6726342710997444E-3</v>
      </c>
      <c r="G45" s="515">
        <v>4.0920716112531973E-2</v>
      </c>
      <c r="H45" s="515">
        <v>8.9514066496163679E-3</v>
      </c>
      <c r="I45" s="515">
        <v>0.12148337595907928</v>
      </c>
      <c r="J45" s="515">
        <v>8.1841432225063945E-2</v>
      </c>
      <c r="K45" s="515">
        <v>7.5447570332480812E-2</v>
      </c>
      <c r="L45" s="515">
        <v>3.8363171355498722E-3</v>
      </c>
      <c r="M45" s="515">
        <v>8.9514066496163683E-2</v>
      </c>
      <c r="N45" s="515">
        <v>4.0920716112531973E-2</v>
      </c>
      <c r="O45" s="515">
        <v>8.4398976982097182E-2</v>
      </c>
      <c r="P45" s="515">
        <v>0.3657289002557545</v>
      </c>
      <c r="Q45" s="615">
        <v>1</v>
      </c>
      <c r="R45" s="179"/>
      <c r="S45" s="179"/>
    </row>
    <row r="46" spans="1:19" s="414" customFormat="1" ht="26.25" customHeight="1" x14ac:dyDescent="0.15">
      <c r="A46" s="179"/>
      <c r="B46" s="179"/>
      <c r="C46" s="179"/>
      <c r="D46" s="179"/>
      <c r="E46" s="179"/>
      <c r="F46" s="179"/>
      <c r="G46" s="179"/>
      <c r="H46" s="179"/>
      <c r="I46" s="179"/>
      <c r="J46" s="179"/>
      <c r="K46" s="179"/>
      <c r="L46" s="179"/>
      <c r="M46" s="179"/>
      <c r="N46" s="179"/>
      <c r="O46" s="179"/>
      <c r="P46" s="179"/>
      <c r="Q46" s="179"/>
      <c r="R46" s="179"/>
      <c r="S46" s="179"/>
    </row>
    <row r="47" spans="1:19" s="414" customFormat="1" ht="25.5" customHeight="1" thickBot="1" x14ac:dyDescent="0.2">
      <c r="A47" s="179"/>
      <c r="B47" s="179" t="s">
        <v>581</v>
      </c>
      <c r="C47" s="179"/>
      <c r="D47" s="179"/>
      <c r="E47" s="179"/>
      <c r="F47" s="179"/>
      <c r="G47" s="179"/>
      <c r="H47" s="179"/>
      <c r="I47" s="179"/>
      <c r="J47" s="179"/>
      <c r="K47" s="179"/>
      <c r="L47" s="179"/>
      <c r="M47" s="179"/>
      <c r="N47" s="179"/>
      <c r="O47" s="179"/>
      <c r="P47" s="179"/>
      <c r="Q47" s="179"/>
      <c r="R47" s="179"/>
      <c r="S47" s="179"/>
    </row>
    <row r="48" spans="1:19" s="414" customFormat="1" ht="32.1" customHeight="1" thickBot="1" x14ac:dyDescent="0.2">
      <c r="A48" s="179"/>
      <c r="B48" s="454" t="s">
        <v>507</v>
      </c>
      <c r="C48" s="524" t="s">
        <v>505</v>
      </c>
      <c r="D48" s="311" t="s">
        <v>470</v>
      </c>
      <c r="E48" s="462" t="s">
        <v>35</v>
      </c>
      <c r="F48" s="413" t="s">
        <v>471</v>
      </c>
      <c r="G48" s="413" t="s">
        <v>472</v>
      </c>
      <c r="H48" s="413" t="s">
        <v>473</v>
      </c>
      <c r="I48" s="491" t="s">
        <v>474</v>
      </c>
      <c r="J48" s="491" t="s">
        <v>475</v>
      </c>
      <c r="K48" s="492" t="s">
        <v>476</v>
      </c>
      <c r="L48" s="492" t="s">
        <v>477</v>
      </c>
      <c r="M48" s="491" t="s">
        <v>478</v>
      </c>
      <c r="N48" s="493" t="s">
        <v>479</v>
      </c>
      <c r="O48" s="491" t="s">
        <v>480</v>
      </c>
      <c r="P48" s="494" t="s">
        <v>481</v>
      </c>
      <c r="Q48" s="495" t="s">
        <v>431</v>
      </c>
      <c r="R48" s="179"/>
      <c r="S48" s="179"/>
    </row>
    <row r="49" spans="1:19" s="414" customFormat="1" ht="19.5" customHeight="1" thickTop="1" x14ac:dyDescent="0.15">
      <c r="A49" s="179"/>
      <c r="B49" s="518" t="s">
        <v>13</v>
      </c>
      <c r="C49" s="497">
        <v>9</v>
      </c>
      <c r="D49" s="525">
        <v>0</v>
      </c>
      <c r="E49" s="525">
        <v>0</v>
      </c>
      <c r="F49" s="525">
        <v>0</v>
      </c>
      <c r="G49" s="525">
        <v>0</v>
      </c>
      <c r="H49" s="525">
        <v>0</v>
      </c>
      <c r="I49" s="525">
        <v>1</v>
      </c>
      <c r="J49" s="525">
        <v>0</v>
      </c>
      <c r="K49" s="525">
        <v>1</v>
      </c>
      <c r="L49" s="525">
        <v>0</v>
      </c>
      <c r="M49" s="525">
        <v>1</v>
      </c>
      <c r="N49" s="525">
        <v>0</v>
      </c>
      <c r="O49" s="525">
        <v>3</v>
      </c>
      <c r="P49" s="525">
        <v>8</v>
      </c>
      <c r="Q49" s="501">
        <v>14</v>
      </c>
      <c r="R49" s="179"/>
      <c r="S49" s="179"/>
    </row>
    <row r="50" spans="1:19" s="414" customFormat="1" ht="19.5" customHeight="1" x14ac:dyDescent="0.15">
      <c r="A50" s="179"/>
      <c r="B50" s="519" t="s">
        <v>14</v>
      </c>
      <c r="C50" s="388">
        <v>88</v>
      </c>
      <c r="D50" s="525">
        <v>3</v>
      </c>
      <c r="E50" s="525">
        <v>2</v>
      </c>
      <c r="F50" s="525">
        <v>0</v>
      </c>
      <c r="G50" s="525">
        <v>3</v>
      </c>
      <c r="H50" s="525">
        <v>3</v>
      </c>
      <c r="I50" s="525">
        <v>14</v>
      </c>
      <c r="J50" s="525">
        <v>6</v>
      </c>
      <c r="K50" s="525">
        <v>7</v>
      </c>
      <c r="L50" s="525">
        <v>0</v>
      </c>
      <c r="M50" s="525">
        <v>8</v>
      </c>
      <c r="N50" s="525">
        <v>3</v>
      </c>
      <c r="O50" s="525">
        <v>6</v>
      </c>
      <c r="P50" s="525">
        <v>42</v>
      </c>
      <c r="Q50" s="501">
        <v>97</v>
      </c>
      <c r="R50" s="179"/>
      <c r="S50" s="179"/>
    </row>
    <row r="51" spans="1:19" s="414" customFormat="1" ht="19.5" customHeight="1" x14ac:dyDescent="0.15">
      <c r="A51" s="179"/>
      <c r="B51" s="519" t="s">
        <v>15</v>
      </c>
      <c r="C51" s="388">
        <v>188</v>
      </c>
      <c r="D51" s="525">
        <v>6</v>
      </c>
      <c r="E51" s="525">
        <v>8</v>
      </c>
      <c r="F51" s="525">
        <v>4</v>
      </c>
      <c r="G51" s="525">
        <v>9</v>
      </c>
      <c r="H51" s="525">
        <v>0</v>
      </c>
      <c r="I51" s="525">
        <v>23</v>
      </c>
      <c r="J51" s="525">
        <v>21</v>
      </c>
      <c r="K51" s="525">
        <v>12</v>
      </c>
      <c r="L51" s="525">
        <v>0</v>
      </c>
      <c r="M51" s="525">
        <v>13</v>
      </c>
      <c r="N51" s="525">
        <v>8</v>
      </c>
      <c r="O51" s="525">
        <v>9</v>
      </c>
      <c r="P51" s="525">
        <v>65</v>
      </c>
      <c r="Q51" s="501">
        <v>178</v>
      </c>
      <c r="R51" s="179"/>
      <c r="S51" s="179"/>
    </row>
    <row r="52" spans="1:19" s="414" customFormat="1" ht="19.5" customHeight="1" x14ac:dyDescent="0.15">
      <c r="A52" s="179"/>
      <c r="B52" s="526" t="s">
        <v>9</v>
      </c>
      <c r="C52" s="522">
        <v>170</v>
      </c>
      <c r="D52" s="525">
        <v>6</v>
      </c>
      <c r="E52" s="525">
        <v>19</v>
      </c>
      <c r="F52" s="525">
        <v>2</v>
      </c>
      <c r="G52" s="525">
        <v>11</v>
      </c>
      <c r="H52" s="525">
        <v>2</v>
      </c>
      <c r="I52" s="525">
        <v>32</v>
      </c>
      <c r="J52" s="525">
        <v>22</v>
      </c>
      <c r="K52" s="525">
        <v>21</v>
      </c>
      <c r="L52" s="525">
        <v>3</v>
      </c>
      <c r="M52" s="525">
        <v>11</v>
      </c>
      <c r="N52" s="525">
        <v>8</v>
      </c>
      <c r="O52" s="525">
        <v>18</v>
      </c>
      <c r="P52" s="525">
        <v>87</v>
      </c>
      <c r="Q52" s="501">
        <v>242</v>
      </c>
      <c r="R52" s="179"/>
      <c r="S52" s="179"/>
    </row>
    <row r="53" spans="1:19" s="414" customFormat="1" ht="19.5" customHeight="1" thickBot="1" x14ac:dyDescent="0.2">
      <c r="A53" s="179"/>
      <c r="B53" s="527" t="s">
        <v>16</v>
      </c>
      <c r="C53" s="388">
        <v>39</v>
      </c>
      <c r="D53" s="525">
        <v>4</v>
      </c>
      <c r="E53" s="525">
        <v>1</v>
      </c>
      <c r="F53" s="525">
        <v>0</v>
      </c>
      <c r="G53" s="525">
        <v>3</v>
      </c>
      <c r="H53" s="525">
        <v>1</v>
      </c>
      <c r="I53" s="525">
        <v>13</v>
      </c>
      <c r="J53" s="525">
        <v>11</v>
      </c>
      <c r="K53" s="525">
        <v>10</v>
      </c>
      <c r="L53" s="525">
        <v>0</v>
      </c>
      <c r="M53" s="525">
        <v>11</v>
      </c>
      <c r="N53" s="525">
        <v>1</v>
      </c>
      <c r="O53" s="525">
        <v>7</v>
      </c>
      <c r="P53" s="525">
        <v>18</v>
      </c>
      <c r="Q53" s="501">
        <v>80</v>
      </c>
      <c r="R53" s="179"/>
      <c r="S53" s="179"/>
    </row>
    <row r="54" spans="1:19" s="414" customFormat="1" ht="20.100000000000001" customHeight="1" thickTop="1" thickBot="1" x14ac:dyDescent="0.2">
      <c r="A54" s="179"/>
      <c r="B54" s="528" t="s">
        <v>508</v>
      </c>
      <c r="C54" s="390">
        <v>494</v>
      </c>
      <c r="D54" s="510">
        <v>19</v>
      </c>
      <c r="E54" s="510">
        <v>30</v>
      </c>
      <c r="F54" s="510">
        <v>6</v>
      </c>
      <c r="G54" s="510">
        <v>26</v>
      </c>
      <c r="H54" s="510">
        <v>6</v>
      </c>
      <c r="I54" s="510">
        <v>83</v>
      </c>
      <c r="J54" s="510">
        <v>60</v>
      </c>
      <c r="K54" s="510">
        <v>51</v>
      </c>
      <c r="L54" s="510">
        <v>3</v>
      </c>
      <c r="M54" s="510">
        <v>44</v>
      </c>
      <c r="N54" s="510">
        <v>20</v>
      </c>
      <c r="O54" s="510">
        <v>43</v>
      </c>
      <c r="P54" s="510">
        <v>220</v>
      </c>
      <c r="Q54" s="511">
        <v>611</v>
      </c>
      <c r="R54" s="179"/>
      <c r="S54" s="179"/>
    </row>
    <row r="55" spans="1:19" s="414" customFormat="1" ht="20.100000000000001" customHeight="1" thickTop="1" thickBot="1" x14ac:dyDescent="0.2">
      <c r="A55" s="179"/>
      <c r="B55" s="460" t="s">
        <v>554</v>
      </c>
      <c r="C55" s="512"/>
      <c r="D55" s="513">
        <v>3.1096563011456628E-2</v>
      </c>
      <c r="E55" s="514">
        <v>4.9099836333878884E-2</v>
      </c>
      <c r="F55" s="515">
        <v>9.8199672667757774E-3</v>
      </c>
      <c r="G55" s="515">
        <v>4.2553191489361701E-2</v>
      </c>
      <c r="H55" s="515">
        <v>9.8199672667757774E-3</v>
      </c>
      <c r="I55" s="515">
        <v>0.13584288052373159</v>
      </c>
      <c r="J55" s="515">
        <v>9.8199672667757767E-2</v>
      </c>
      <c r="K55" s="515">
        <v>8.346972176759411E-2</v>
      </c>
      <c r="L55" s="515">
        <v>4.9099836333878887E-3</v>
      </c>
      <c r="M55" s="515">
        <v>7.2013093289689037E-2</v>
      </c>
      <c r="N55" s="515">
        <v>3.2733224222585927E-2</v>
      </c>
      <c r="O55" s="515">
        <v>7.0376432078559745E-2</v>
      </c>
      <c r="P55" s="515">
        <v>0.36006546644844517</v>
      </c>
      <c r="Q55" s="615">
        <v>1</v>
      </c>
      <c r="R55" s="179"/>
      <c r="S55" s="179"/>
    </row>
  </sheetData>
  <mergeCells count="15">
    <mergeCell ref="B10:B11"/>
    <mergeCell ref="F10:G10"/>
    <mergeCell ref="F11:G11"/>
    <mergeCell ref="B4:C4"/>
    <mergeCell ref="B5:B7"/>
    <mergeCell ref="B8:B9"/>
    <mergeCell ref="F8:G8"/>
    <mergeCell ref="F9:G9"/>
    <mergeCell ref="K20:L20"/>
    <mergeCell ref="K14:L14"/>
    <mergeCell ref="K15:L15"/>
    <mergeCell ref="K16:L16"/>
    <mergeCell ref="K17:L17"/>
    <mergeCell ref="K18:L18"/>
    <mergeCell ref="K19:L19"/>
  </mergeCells>
  <phoneticPr fontId="1"/>
  <pageMargins left="1.0236220472440944" right="0.23622047244094491" top="0.55118110236220474" bottom="0.55118110236220474" header="0.31496062992125984" footer="0.31496062992125984"/>
  <pageSetup paperSize="9" scale="62" firstPageNumber="3" orientation="landscape" r:id="rId1"/>
  <headerFooter scaleWithDoc="0" alignWithMargins="0">
    <oddFooter>&amp;C&amp;P</oddFooter>
  </headerFooter>
  <rowBreaks count="1" manualBreakCount="1">
    <brk id="35" max="1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J56"/>
  <sheetViews>
    <sheetView view="pageBreakPreview" zoomScale="70" zoomScaleNormal="100" zoomScaleSheetLayoutView="70" workbookViewId="0"/>
  </sheetViews>
  <sheetFormatPr defaultColWidth="9" defaultRowHeight="14.25" x14ac:dyDescent="0.15"/>
  <cols>
    <col min="1" max="7" width="17.625" style="10" customWidth="1"/>
    <col min="8" max="8" width="5.75" style="10" customWidth="1"/>
    <col min="9" max="12" width="12.625" style="10" customWidth="1"/>
    <col min="13" max="16384" width="9" style="10"/>
  </cols>
  <sheetData>
    <row r="1" spans="1:10" ht="30" customHeight="1" x14ac:dyDescent="0.15">
      <c r="A1" s="3" t="s">
        <v>237</v>
      </c>
    </row>
    <row r="2" spans="1:10" ht="30" customHeight="1" x14ac:dyDescent="0.15">
      <c r="A2" s="1"/>
    </row>
    <row r="3" spans="1:10" ht="30" customHeight="1" thickBot="1" x14ac:dyDescent="0.2">
      <c r="A3" s="7" t="s">
        <v>284</v>
      </c>
    </row>
    <row r="4" spans="1:10" ht="30" customHeight="1" thickBot="1" x14ac:dyDescent="0.2">
      <c r="A4" s="82"/>
      <c r="B4" s="723" t="s">
        <v>80</v>
      </c>
      <c r="C4" s="724"/>
      <c r="D4" s="724"/>
      <c r="E4" s="724"/>
      <c r="F4" s="725"/>
      <c r="G4" s="78" t="s">
        <v>248</v>
      </c>
    </row>
    <row r="5" spans="1:10" ht="65.099999999999994" customHeight="1" thickTop="1" x14ac:dyDescent="0.15">
      <c r="A5" s="85" t="s">
        <v>302</v>
      </c>
      <c r="B5" s="734" t="s">
        <v>105</v>
      </c>
      <c r="C5" s="734"/>
      <c r="D5" s="734"/>
      <c r="E5" s="734"/>
      <c r="F5" s="735"/>
      <c r="G5" s="80">
        <v>1</v>
      </c>
    </row>
    <row r="6" spans="1:10" ht="50.1" customHeight="1" x14ac:dyDescent="0.15">
      <c r="A6" s="79" t="s">
        <v>280</v>
      </c>
      <c r="B6" s="734" t="s">
        <v>158</v>
      </c>
      <c r="C6" s="734"/>
      <c r="D6" s="734"/>
      <c r="E6" s="734"/>
      <c r="F6" s="735"/>
      <c r="G6" s="80">
        <v>1</v>
      </c>
    </row>
    <row r="7" spans="1:10" ht="50.1" customHeight="1" x14ac:dyDescent="0.15">
      <c r="A7" s="29"/>
      <c r="B7" s="734" t="s">
        <v>278</v>
      </c>
      <c r="C7" s="734"/>
      <c r="D7" s="734"/>
      <c r="E7" s="734"/>
      <c r="F7" s="735"/>
      <c r="G7" s="80">
        <v>1</v>
      </c>
    </row>
    <row r="8" spans="1:10" ht="30" customHeight="1" x14ac:dyDescent="0.15">
      <c r="A8" s="720" t="s">
        <v>312</v>
      </c>
      <c r="B8" s="732" t="s">
        <v>279</v>
      </c>
      <c r="C8" s="732"/>
      <c r="D8" s="732"/>
      <c r="E8" s="732"/>
      <c r="F8" s="733"/>
      <c r="G8" s="80">
        <v>1</v>
      </c>
    </row>
    <row r="9" spans="1:10" ht="30" customHeight="1" x14ac:dyDescent="0.15">
      <c r="A9" s="720"/>
      <c r="B9" s="736" t="s">
        <v>121</v>
      </c>
      <c r="C9" s="736"/>
      <c r="D9" s="736"/>
      <c r="E9" s="736"/>
      <c r="F9" s="737"/>
      <c r="G9" s="80">
        <v>1</v>
      </c>
    </row>
    <row r="10" spans="1:10" ht="30" customHeight="1" thickBot="1" x14ac:dyDescent="0.2">
      <c r="A10" s="83"/>
      <c r="B10" s="726" t="s">
        <v>276</v>
      </c>
      <c r="C10" s="726"/>
      <c r="D10" s="726"/>
      <c r="E10" s="726"/>
      <c r="F10" s="727"/>
      <c r="G10" s="84">
        <v>2</v>
      </c>
    </row>
    <row r="11" spans="1:10" ht="50.1" customHeight="1" thickTop="1" x14ac:dyDescent="0.15">
      <c r="A11" s="85" t="s">
        <v>81</v>
      </c>
      <c r="B11" s="728" t="s">
        <v>120</v>
      </c>
      <c r="C11" s="728"/>
      <c r="D11" s="728"/>
      <c r="E11" s="728"/>
      <c r="F11" s="729"/>
      <c r="G11" s="86">
        <v>1</v>
      </c>
    </row>
    <row r="12" spans="1:10" ht="50.1" customHeight="1" thickBot="1" x14ac:dyDescent="0.2">
      <c r="A12" s="87" t="s">
        <v>281</v>
      </c>
      <c r="B12" s="730" t="s">
        <v>277</v>
      </c>
      <c r="C12" s="730"/>
      <c r="D12" s="730"/>
      <c r="E12" s="730"/>
      <c r="F12" s="731"/>
      <c r="G12" s="81">
        <v>1</v>
      </c>
    </row>
    <row r="13" spans="1:10" ht="30" customHeight="1" x14ac:dyDescent="0.15"/>
    <row r="14" spans="1:10" ht="30" customHeight="1" x14ac:dyDescent="0.15">
      <c r="A14" s="7" t="s">
        <v>285</v>
      </c>
      <c r="B14" s="7"/>
      <c r="C14" s="7"/>
      <c r="D14" s="7" t="s">
        <v>313</v>
      </c>
      <c r="I14" s="6"/>
      <c r="J14" s="6"/>
    </row>
    <row r="15" spans="1:10" ht="30" customHeight="1" x14ac:dyDescent="0.15">
      <c r="A15" s="88"/>
      <c r="B15" s="89" t="s">
        <v>83</v>
      </c>
      <c r="C15" s="89" t="s">
        <v>82</v>
      </c>
      <c r="D15" s="89" t="s">
        <v>79</v>
      </c>
    </row>
    <row r="16" spans="1:10" ht="30" customHeight="1" x14ac:dyDescent="0.15">
      <c r="A16" s="89" t="s">
        <v>84</v>
      </c>
      <c r="B16" s="90">
        <v>27</v>
      </c>
      <c r="C16" s="90">
        <v>427</v>
      </c>
      <c r="D16" s="90">
        <v>9</v>
      </c>
    </row>
    <row r="17" spans="1:7" ht="30" customHeight="1" x14ac:dyDescent="0.15">
      <c r="A17" s="89" t="s">
        <v>2</v>
      </c>
      <c r="B17" s="91">
        <f>B16/463</f>
        <v>5.8315334773218146E-2</v>
      </c>
      <c r="C17" s="91">
        <f t="shared" ref="C17:D17" si="0">C16/463</f>
        <v>0.9222462203023758</v>
      </c>
      <c r="D17" s="91">
        <f t="shared" si="0"/>
        <v>1.9438444924406047E-2</v>
      </c>
    </row>
    <row r="18" spans="1:7" ht="30" customHeight="1" x14ac:dyDescent="0.15">
      <c r="A18" s="27"/>
      <c r="B18" s="6"/>
      <c r="C18" s="6"/>
      <c r="D18" s="6"/>
    </row>
    <row r="19" spans="1:7" ht="30" customHeight="1" x14ac:dyDescent="0.15"/>
    <row r="20" spans="1:7" ht="30" customHeight="1" x14ac:dyDescent="0.15">
      <c r="A20" s="8" t="s">
        <v>286</v>
      </c>
      <c r="B20" s="8"/>
      <c r="C20" s="8"/>
      <c r="D20" s="8"/>
      <c r="E20" s="6"/>
      <c r="F20" s="6"/>
      <c r="G20" s="6"/>
    </row>
    <row r="21" spans="1:7" ht="30" customHeight="1" x14ac:dyDescent="0.15">
      <c r="A21" s="88"/>
      <c r="B21" s="89" t="s">
        <v>83</v>
      </c>
      <c r="C21" s="89" t="s">
        <v>82</v>
      </c>
      <c r="D21" s="89" t="s">
        <v>79</v>
      </c>
    </row>
    <row r="22" spans="1:7" ht="30" customHeight="1" x14ac:dyDescent="0.15">
      <c r="A22" s="89" t="s">
        <v>84</v>
      </c>
      <c r="B22" s="90">
        <v>11</v>
      </c>
      <c r="C22" s="90">
        <v>12</v>
      </c>
      <c r="D22" s="90">
        <v>4</v>
      </c>
    </row>
    <row r="23" spans="1:7" ht="30" customHeight="1" x14ac:dyDescent="0.15"/>
    <row r="24" spans="1:7" ht="30" customHeight="1" x14ac:dyDescent="0.15">
      <c r="A24" s="3" t="s">
        <v>238</v>
      </c>
    </row>
    <row r="25" spans="1:7" ht="30" customHeight="1" x14ac:dyDescent="0.15">
      <c r="A25" s="721" t="s">
        <v>86</v>
      </c>
      <c r="B25" s="722"/>
      <c r="C25" s="92" t="s">
        <v>88</v>
      </c>
    </row>
    <row r="26" spans="1:7" ht="30" customHeight="1" x14ac:dyDescent="0.15">
      <c r="A26" s="721" t="s">
        <v>85</v>
      </c>
      <c r="B26" s="722"/>
      <c r="C26" s="90">
        <v>29</v>
      </c>
    </row>
    <row r="27" spans="1:7" ht="30" customHeight="1" x14ac:dyDescent="0.15">
      <c r="A27" s="721" t="s">
        <v>87</v>
      </c>
      <c r="B27" s="722"/>
      <c r="C27" s="90">
        <v>154</v>
      </c>
    </row>
    <row r="28" spans="1:7" ht="30" customHeight="1" x14ac:dyDescent="0.15"/>
    <row r="29" spans="1:7" ht="30" customHeight="1" x14ac:dyDescent="0.15"/>
    <row r="30" spans="1:7" ht="30" customHeight="1" x14ac:dyDescent="0.15"/>
    <row r="31" spans="1:7" ht="50.1" customHeight="1" x14ac:dyDescent="0.15"/>
    <row r="32" spans="1:7" ht="30" customHeight="1" x14ac:dyDescent="0.15"/>
    <row r="33" ht="30" customHeight="1" x14ac:dyDescent="0.15"/>
    <row r="34" ht="30" customHeight="1" x14ac:dyDescent="0.15"/>
    <row r="35" ht="30" customHeight="1" x14ac:dyDescent="0.15"/>
    <row r="36" ht="30" customHeight="1" x14ac:dyDescent="0.15"/>
    <row r="37" ht="30" customHeight="1" x14ac:dyDescent="0.15"/>
    <row r="38" ht="30" customHeight="1" x14ac:dyDescent="0.15"/>
    <row r="39" ht="30" customHeight="1" x14ac:dyDescent="0.15"/>
    <row r="40" ht="30" customHeight="1" x14ac:dyDescent="0.15"/>
    <row r="41" ht="30" customHeight="1" x14ac:dyDescent="0.15"/>
    <row r="42" ht="30" customHeight="1" x14ac:dyDescent="0.15"/>
    <row r="43" ht="30" customHeight="1" x14ac:dyDescent="0.15"/>
    <row r="44" ht="30" customHeight="1" x14ac:dyDescent="0.15"/>
    <row r="45" ht="30" customHeight="1" x14ac:dyDescent="0.15"/>
    <row r="46" ht="30" customHeight="1" x14ac:dyDescent="0.15"/>
    <row r="47" ht="30" customHeight="1" x14ac:dyDescent="0.15"/>
    <row r="48" ht="30" customHeight="1" x14ac:dyDescent="0.15"/>
    <row r="49" ht="30" customHeight="1" x14ac:dyDescent="0.15"/>
    <row r="50" ht="30" customHeight="1" x14ac:dyDescent="0.15"/>
    <row r="51" ht="30" customHeight="1" x14ac:dyDescent="0.15"/>
    <row r="52" ht="30" customHeight="1" x14ac:dyDescent="0.15"/>
    <row r="53" ht="30" customHeight="1" x14ac:dyDescent="0.15"/>
    <row r="54" ht="30" customHeight="1" x14ac:dyDescent="0.15"/>
    <row r="55" ht="30" customHeight="1" x14ac:dyDescent="0.15"/>
    <row r="56" ht="30" customHeight="1" x14ac:dyDescent="0.15"/>
  </sheetData>
  <mergeCells count="13">
    <mergeCell ref="A8:A9"/>
    <mergeCell ref="A25:B25"/>
    <mergeCell ref="A26:B26"/>
    <mergeCell ref="A27:B27"/>
    <mergeCell ref="B4:F4"/>
    <mergeCell ref="B10:F10"/>
    <mergeCell ref="B11:F11"/>
    <mergeCell ref="B12:F12"/>
    <mergeCell ref="B8:F8"/>
    <mergeCell ref="B5:F5"/>
    <mergeCell ref="B6:F6"/>
    <mergeCell ref="B9:F9"/>
    <mergeCell ref="B7:F7"/>
  </mergeCells>
  <phoneticPr fontId="1"/>
  <printOptions horizontalCentered="1"/>
  <pageMargins left="0.31496062992125984" right="0.31496062992125984" top="0.35433070866141736" bottom="0.39370078740157483" header="0.31496062992125984" footer="0.31496062992125984"/>
  <pageSetup paperSize="9" scale="74" fitToHeight="0" orientation="portrait" r:id="rId1"/>
  <rowBreaks count="1" manualBreakCount="1">
    <brk id="33" max="9"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G32"/>
  <sheetViews>
    <sheetView view="pageBreakPreview" zoomScaleNormal="100" zoomScaleSheetLayoutView="100" workbookViewId="0"/>
  </sheetViews>
  <sheetFormatPr defaultRowHeight="14.25" x14ac:dyDescent="0.15"/>
  <cols>
    <col min="1" max="2" width="14.625" customWidth="1"/>
    <col min="3" max="3" width="12.625" customWidth="1"/>
    <col min="4" max="4" width="10.625" customWidth="1"/>
    <col min="5" max="5" width="20.25" customWidth="1"/>
    <col min="6" max="7" width="12.625" customWidth="1"/>
  </cols>
  <sheetData>
    <row r="1" spans="1:7" ht="30" customHeight="1" x14ac:dyDescent="0.15">
      <c r="A1" s="94" t="s">
        <v>303</v>
      </c>
      <c r="C1" s="72"/>
      <c r="D1" s="72"/>
      <c r="E1" s="72"/>
      <c r="G1" s="71" t="s">
        <v>287</v>
      </c>
    </row>
    <row r="2" spans="1:7" ht="30" customHeight="1" x14ac:dyDescent="0.15">
      <c r="A2" s="7" t="s">
        <v>288</v>
      </c>
      <c r="C2" s="54" t="s">
        <v>309</v>
      </c>
      <c r="E2" s="95" t="s">
        <v>289</v>
      </c>
      <c r="F2" s="95"/>
      <c r="G2" s="95"/>
    </row>
    <row r="3" spans="1:7" ht="40.15" customHeight="1" x14ac:dyDescent="0.15">
      <c r="A3" s="742" t="s">
        <v>259</v>
      </c>
      <c r="B3" s="743"/>
      <c r="C3" s="89" t="s">
        <v>90</v>
      </c>
      <c r="E3" s="76" t="s">
        <v>273</v>
      </c>
      <c r="F3" s="89" t="s">
        <v>90</v>
      </c>
      <c r="G3" s="89" t="s">
        <v>2</v>
      </c>
    </row>
    <row r="4" spans="1:7" ht="30" customHeight="1" x14ac:dyDescent="0.15">
      <c r="A4" s="738" t="s">
        <v>3</v>
      </c>
      <c r="B4" s="738"/>
      <c r="C4" s="90">
        <v>15</v>
      </c>
      <c r="E4" s="103" t="s">
        <v>274</v>
      </c>
      <c r="F4" s="97">
        <v>69</v>
      </c>
      <c r="G4" s="98">
        <v>0.51111111111111107</v>
      </c>
    </row>
    <row r="5" spans="1:7" ht="30" customHeight="1" x14ac:dyDescent="0.15">
      <c r="A5" s="744" t="s">
        <v>260</v>
      </c>
      <c r="B5" s="744"/>
      <c r="C5" s="97">
        <v>39</v>
      </c>
      <c r="E5" s="104" t="s">
        <v>275</v>
      </c>
      <c r="F5" s="90">
        <v>66</v>
      </c>
      <c r="G5" s="91">
        <v>0.48888888888888887</v>
      </c>
    </row>
    <row r="6" spans="1:7" ht="30" customHeight="1" x14ac:dyDescent="0.15">
      <c r="A6" s="738" t="s">
        <v>261</v>
      </c>
      <c r="B6" s="738"/>
      <c r="C6" s="90">
        <v>23</v>
      </c>
    </row>
    <row r="7" spans="1:7" ht="30" customHeight="1" x14ac:dyDescent="0.15">
      <c r="A7" s="738" t="s">
        <v>262</v>
      </c>
      <c r="B7" s="738"/>
      <c r="C7" s="90">
        <v>28</v>
      </c>
      <c r="E7" s="96" t="s">
        <v>310</v>
      </c>
    </row>
    <row r="8" spans="1:7" ht="30" customHeight="1" x14ac:dyDescent="0.15">
      <c r="A8" s="738" t="s">
        <v>263</v>
      </c>
      <c r="B8" s="738"/>
      <c r="C8" s="90">
        <v>20</v>
      </c>
      <c r="E8" s="76" t="s">
        <v>6</v>
      </c>
      <c r="F8" s="89" t="s">
        <v>1</v>
      </c>
      <c r="G8" s="89" t="s">
        <v>2</v>
      </c>
    </row>
    <row r="9" spans="1:7" ht="30" customHeight="1" x14ac:dyDescent="0.15">
      <c r="A9" s="738" t="s">
        <v>36</v>
      </c>
      <c r="B9" s="738"/>
      <c r="C9" s="90">
        <v>10</v>
      </c>
      <c r="E9" s="104" t="s">
        <v>8</v>
      </c>
      <c r="F9" s="90">
        <v>42</v>
      </c>
      <c r="G9" s="91">
        <v>0.35</v>
      </c>
    </row>
    <row r="10" spans="1:7" ht="30" customHeight="1" x14ac:dyDescent="0.15">
      <c r="A10" s="21" t="s">
        <v>264</v>
      </c>
      <c r="E10" s="103" t="s">
        <v>9</v>
      </c>
      <c r="F10" s="97">
        <v>63</v>
      </c>
      <c r="G10" s="98">
        <v>0.52500000000000002</v>
      </c>
    </row>
    <row r="11" spans="1:7" ht="30" customHeight="1" x14ac:dyDescent="0.15">
      <c r="B11" s="21"/>
      <c r="E11" s="104" t="s">
        <v>10</v>
      </c>
      <c r="F11" s="90">
        <v>15</v>
      </c>
      <c r="G11" s="91">
        <v>0.125</v>
      </c>
    </row>
    <row r="12" spans="1:7" s="7" customFormat="1" ht="30" customHeight="1" x14ac:dyDescent="0.15">
      <c r="A12" s="93" t="s">
        <v>307</v>
      </c>
    </row>
    <row r="13" spans="1:7" ht="40.15" customHeight="1" x14ac:dyDescent="0.15">
      <c r="A13" s="742" t="s">
        <v>72</v>
      </c>
      <c r="B13" s="743"/>
      <c r="C13" s="89" t="s">
        <v>90</v>
      </c>
      <c r="E13" s="7" t="s">
        <v>311</v>
      </c>
      <c r="F13" s="7"/>
    </row>
    <row r="14" spans="1:7" ht="30" customHeight="1" x14ac:dyDescent="0.15">
      <c r="A14" s="745" t="s">
        <v>265</v>
      </c>
      <c r="B14" s="738"/>
      <c r="C14" s="99">
        <v>3</v>
      </c>
      <c r="E14" s="101" t="s">
        <v>305</v>
      </c>
      <c r="F14" s="89" t="s">
        <v>90</v>
      </c>
      <c r="G14" s="89" t="s">
        <v>2</v>
      </c>
    </row>
    <row r="15" spans="1:7" ht="30" customHeight="1" x14ac:dyDescent="0.15">
      <c r="A15" s="738" t="s">
        <v>266</v>
      </c>
      <c r="B15" s="738"/>
      <c r="C15" s="99">
        <v>16</v>
      </c>
      <c r="E15" s="104" t="s">
        <v>13</v>
      </c>
      <c r="F15" s="90">
        <v>0</v>
      </c>
      <c r="G15" s="91">
        <v>0</v>
      </c>
    </row>
    <row r="16" spans="1:7" ht="30" customHeight="1" x14ac:dyDescent="0.15">
      <c r="A16" s="739" t="s">
        <v>267</v>
      </c>
      <c r="B16" s="739"/>
      <c r="C16" s="99">
        <v>26</v>
      </c>
      <c r="E16" s="105" t="s">
        <v>14</v>
      </c>
      <c r="F16" s="102">
        <v>28</v>
      </c>
      <c r="G16" s="91">
        <v>0.30107526881720431</v>
      </c>
    </row>
    <row r="17" spans="1:7" ht="30" customHeight="1" x14ac:dyDescent="0.15">
      <c r="A17" s="746" t="s">
        <v>268</v>
      </c>
      <c r="B17" s="746"/>
      <c r="C17" s="100">
        <v>30</v>
      </c>
      <c r="E17" s="103" t="s">
        <v>15</v>
      </c>
      <c r="F17" s="97">
        <v>42</v>
      </c>
      <c r="G17" s="98">
        <v>0.45161290322580644</v>
      </c>
    </row>
    <row r="18" spans="1:7" ht="30" customHeight="1" x14ac:dyDescent="0.15">
      <c r="A18" s="739" t="s">
        <v>269</v>
      </c>
      <c r="B18" s="739"/>
      <c r="C18" s="99">
        <v>16</v>
      </c>
      <c r="E18" s="104" t="s">
        <v>9</v>
      </c>
      <c r="F18" s="90">
        <v>22</v>
      </c>
      <c r="G18" s="91">
        <v>0.23655913978494625</v>
      </c>
    </row>
    <row r="19" spans="1:7" ht="30" customHeight="1" x14ac:dyDescent="0.15">
      <c r="A19" s="739" t="s">
        <v>270</v>
      </c>
      <c r="B19" s="739"/>
      <c r="C19" s="99">
        <v>15</v>
      </c>
      <c r="E19" s="104" t="s">
        <v>16</v>
      </c>
      <c r="F19" s="90">
        <v>1</v>
      </c>
      <c r="G19" s="91">
        <v>1.0752688172043012E-2</v>
      </c>
    </row>
    <row r="20" spans="1:7" ht="30" customHeight="1" x14ac:dyDescent="0.15">
      <c r="A20" s="740" t="s">
        <v>271</v>
      </c>
      <c r="B20" s="740"/>
      <c r="C20" s="99">
        <v>17</v>
      </c>
      <c r="E20" t="s">
        <v>306</v>
      </c>
    </row>
    <row r="21" spans="1:7" ht="30" customHeight="1" x14ac:dyDescent="0.15">
      <c r="A21" s="741" t="s">
        <v>36</v>
      </c>
      <c r="B21" s="741"/>
      <c r="C21" s="99">
        <v>12</v>
      </c>
    </row>
    <row r="22" spans="1:7" ht="30" customHeight="1" x14ac:dyDescent="0.15">
      <c r="A22" t="s">
        <v>272</v>
      </c>
    </row>
    <row r="23" spans="1:7" ht="30" customHeight="1" x14ac:dyDescent="0.15"/>
    <row r="24" spans="1:7" ht="30" customHeight="1" x14ac:dyDescent="0.15"/>
    <row r="25" spans="1:7" ht="30" customHeight="1" x14ac:dyDescent="0.15"/>
    <row r="26" spans="1:7" ht="30" customHeight="1" x14ac:dyDescent="0.15"/>
    <row r="27" spans="1:7" ht="30" customHeight="1" x14ac:dyDescent="0.15"/>
    <row r="28" spans="1:7" ht="30" customHeight="1" x14ac:dyDescent="0.15"/>
    <row r="29" spans="1:7" ht="30" customHeight="1" x14ac:dyDescent="0.15"/>
    <row r="30" spans="1:7" ht="30" customHeight="1" x14ac:dyDescent="0.15"/>
    <row r="31" spans="1:7" ht="30" customHeight="1" x14ac:dyDescent="0.15"/>
    <row r="32" spans="1:7" ht="30" customHeight="1" x14ac:dyDescent="0.15"/>
  </sheetData>
  <mergeCells count="16">
    <mergeCell ref="A9:B9"/>
    <mergeCell ref="A19:B19"/>
    <mergeCell ref="A20:B20"/>
    <mergeCell ref="A21:B21"/>
    <mergeCell ref="A3:B3"/>
    <mergeCell ref="A4:B4"/>
    <mergeCell ref="A5:B5"/>
    <mergeCell ref="A6:B6"/>
    <mergeCell ref="A7:B7"/>
    <mergeCell ref="A8:B8"/>
    <mergeCell ref="A13:B13"/>
    <mergeCell ref="A14:B14"/>
    <mergeCell ref="A15:B15"/>
    <mergeCell ref="A16:B16"/>
    <mergeCell ref="A17:B17"/>
    <mergeCell ref="A18:B18"/>
  </mergeCells>
  <phoneticPr fontId="1"/>
  <printOptions horizontalCentered="1"/>
  <pageMargins left="0.7" right="0.7" top="0.75" bottom="0.75" header="0.3" footer="0.3"/>
  <pageSetup paperSize="9" scale="78"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G159"/>
  <sheetViews>
    <sheetView view="pageBreakPreview" zoomScale="110" zoomScaleNormal="100" zoomScaleSheetLayoutView="110" workbookViewId="0"/>
  </sheetViews>
  <sheetFormatPr defaultRowHeight="14.25" x14ac:dyDescent="0.15"/>
  <cols>
    <col min="1" max="1" width="22.125" customWidth="1"/>
    <col min="2" max="4" width="16.625" customWidth="1"/>
    <col min="7" max="7" width="12.125" customWidth="1"/>
  </cols>
  <sheetData>
    <row r="1" spans="1:7" ht="28.15" customHeight="1" x14ac:dyDescent="0.15">
      <c r="A1" s="19" t="s">
        <v>239</v>
      </c>
    </row>
    <row r="2" spans="1:7" ht="28.15" customHeight="1" x14ac:dyDescent="0.15">
      <c r="A2" s="10" t="s">
        <v>324</v>
      </c>
    </row>
    <row r="3" spans="1:7" ht="28.15" customHeight="1" thickBot="1" x14ac:dyDescent="0.2">
      <c r="A3" s="42" t="s">
        <v>231</v>
      </c>
      <c r="C3" s="25" t="s">
        <v>308</v>
      </c>
      <c r="D3" s="26">
        <v>463</v>
      </c>
      <c r="E3" t="s">
        <v>304</v>
      </c>
    </row>
    <row r="4" spans="1:7" ht="28.15" customHeight="1" thickBot="1" x14ac:dyDescent="0.2">
      <c r="A4" s="41" t="s">
        <v>91</v>
      </c>
      <c r="B4" s="40" t="s">
        <v>92</v>
      </c>
      <c r="C4" s="38" t="s">
        <v>93</v>
      </c>
      <c r="D4" s="39" t="s">
        <v>40</v>
      </c>
    </row>
    <row r="5" spans="1:7" ht="28.15" customHeight="1" x14ac:dyDescent="0.15">
      <c r="A5" s="73" t="s">
        <v>95</v>
      </c>
      <c r="B5" s="9">
        <v>307</v>
      </c>
      <c r="C5" s="5">
        <v>149</v>
      </c>
      <c r="D5" s="37">
        <v>7</v>
      </c>
    </row>
    <row r="6" spans="1:7" ht="28.15" customHeight="1" x14ac:dyDescent="0.15">
      <c r="A6" s="74" t="s">
        <v>94</v>
      </c>
      <c r="B6" s="22">
        <v>279</v>
      </c>
      <c r="C6" s="2">
        <v>174</v>
      </c>
      <c r="D6" s="35">
        <v>10</v>
      </c>
    </row>
    <row r="7" spans="1:7" ht="28.15" customHeight="1" thickBot="1" x14ac:dyDescent="0.2">
      <c r="A7" s="75" t="s">
        <v>96</v>
      </c>
      <c r="B7" s="18">
        <v>283</v>
      </c>
      <c r="C7" s="17">
        <v>173</v>
      </c>
      <c r="D7" s="36">
        <v>7</v>
      </c>
    </row>
    <row r="8" spans="1:7" ht="28.15" customHeight="1" x14ac:dyDescent="0.15"/>
    <row r="9" spans="1:7" ht="28.15" customHeight="1" thickBot="1" x14ac:dyDescent="0.2">
      <c r="A9" s="42" t="s">
        <v>232</v>
      </c>
    </row>
    <row r="10" spans="1:7" ht="28.15" customHeight="1" x14ac:dyDescent="0.15">
      <c r="A10" s="116" t="s">
        <v>41</v>
      </c>
      <c r="B10" s="30" t="s">
        <v>97</v>
      </c>
      <c r="C10" s="31" t="s">
        <v>98</v>
      </c>
      <c r="D10" s="32" t="s">
        <v>40</v>
      </c>
    </row>
    <row r="11" spans="1:7" ht="28.15" customHeight="1" thickBot="1" x14ac:dyDescent="0.2">
      <c r="A11" s="117">
        <v>321</v>
      </c>
      <c r="B11" s="33">
        <v>93</v>
      </c>
      <c r="C11" s="23">
        <v>222</v>
      </c>
      <c r="D11" s="34">
        <v>6</v>
      </c>
    </row>
    <row r="12" spans="1:7" ht="28.15" customHeight="1" thickTop="1" thickBot="1" x14ac:dyDescent="0.2">
      <c r="A12" s="115" t="s">
        <v>319</v>
      </c>
      <c r="B12" s="118">
        <v>28.971962616822427</v>
      </c>
      <c r="C12" s="119">
        <v>69.158878504672899</v>
      </c>
      <c r="D12" s="120">
        <v>1.8691588785046727</v>
      </c>
    </row>
    <row r="13" spans="1:7" ht="28.15" customHeight="1" x14ac:dyDescent="0.15">
      <c r="A13" s="4"/>
    </row>
    <row r="14" spans="1:7" ht="28.15" customHeight="1" x14ac:dyDescent="0.15"/>
    <row r="15" spans="1:7" ht="28.15" customHeight="1" x14ac:dyDescent="0.15">
      <c r="A15" s="42" t="s">
        <v>233</v>
      </c>
      <c r="D15" s="57" t="s">
        <v>236</v>
      </c>
    </row>
    <row r="16" spans="1:7" s="10" customFormat="1" ht="14.25" customHeight="1" x14ac:dyDescent="0.15">
      <c r="A16" s="28" t="s">
        <v>99</v>
      </c>
      <c r="B16" s="6"/>
      <c r="C16" s="6"/>
      <c r="D16" s="6"/>
      <c r="E16" s="6"/>
      <c r="F16" s="6"/>
      <c r="G16" s="6"/>
    </row>
    <row r="17" spans="1:7" s="10" customFormat="1" ht="14.25" customHeight="1" x14ac:dyDescent="0.15">
      <c r="A17" s="28" t="s">
        <v>101</v>
      </c>
      <c r="B17" s="6"/>
      <c r="C17" s="6"/>
      <c r="D17" s="6"/>
      <c r="E17" s="6"/>
      <c r="F17" s="6"/>
      <c r="G17" s="6"/>
    </row>
    <row r="18" spans="1:7" s="10" customFormat="1" ht="14.25" customHeight="1" x14ac:dyDescent="0.15">
      <c r="A18" s="28" t="s">
        <v>102</v>
      </c>
      <c r="B18" s="6"/>
      <c r="C18" s="6"/>
      <c r="D18" s="6"/>
      <c r="E18" s="6"/>
      <c r="F18" s="6"/>
      <c r="G18" s="6"/>
    </row>
    <row r="19" spans="1:7" s="10" customFormat="1" ht="14.25" customHeight="1" x14ac:dyDescent="0.15">
      <c r="A19" s="28" t="s">
        <v>103</v>
      </c>
      <c r="B19" s="6"/>
      <c r="C19" s="6"/>
      <c r="D19" s="6"/>
      <c r="E19" s="6"/>
      <c r="F19" s="6"/>
      <c r="G19" s="6"/>
    </row>
    <row r="20" spans="1:7" s="10" customFormat="1" ht="14.25" customHeight="1" x14ac:dyDescent="0.15">
      <c r="A20" s="28" t="s">
        <v>106</v>
      </c>
      <c r="B20" s="6"/>
      <c r="C20" s="6"/>
      <c r="D20" s="6"/>
      <c r="E20" s="6"/>
      <c r="F20" s="6"/>
      <c r="G20" s="6"/>
    </row>
    <row r="21" spans="1:7" s="10" customFormat="1" ht="14.25" customHeight="1" x14ac:dyDescent="0.15">
      <c r="A21" s="28" t="s">
        <v>107</v>
      </c>
      <c r="B21" s="6"/>
      <c r="C21" s="6"/>
      <c r="D21" s="6"/>
      <c r="E21" s="6"/>
      <c r="F21" s="6"/>
      <c r="G21" s="6"/>
    </row>
    <row r="22" spans="1:7" s="10" customFormat="1" ht="14.25" customHeight="1" x14ac:dyDescent="0.15">
      <c r="A22" s="28" t="s">
        <v>290</v>
      </c>
      <c r="B22" s="6"/>
      <c r="C22" s="6"/>
      <c r="D22" s="6"/>
      <c r="E22" s="6"/>
      <c r="F22" s="6"/>
      <c r="G22" s="6"/>
    </row>
    <row r="23" spans="1:7" s="10" customFormat="1" ht="14.25" customHeight="1" x14ac:dyDescent="0.15">
      <c r="A23" s="28" t="s">
        <v>108</v>
      </c>
      <c r="B23" s="6"/>
      <c r="C23" s="6"/>
      <c r="D23" s="6"/>
      <c r="E23" s="6"/>
      <c r="F23" s="6"/>
      <c r="G23" s="6"/>
    </row>
    <row r="24" spans="1:7" s="10" customFormat="1" ht="14.25" customHeight="1" x14ac:dyDescent="0.15">
      <c r="A24" s="28" t="s">
        <v>109</v>
      </c>
      <c r="B24" s="6"/>
      <c r="C24" s="6"/>
      <c r="D24" s="6"/>
      <c r="E24" s="6"/>
      <c r="F24" s="6"/>
      <c r="G24" s="6"/>
    </row>
    <row r="25" spans="1:7" s="10" customFormat="1" ht="14.25" customHeight="1" x14ac:dyDescent="0.15">
      <c r="A25" s="28" t="s">
        <v>111</v>
      </c>
      <c r="B25" s="6"/>
      <c r="C25" s="6"/>
      <c r="D25" s="6"/>
      <c r="E25" s="6"/>
      <c r="F25" s="6"/>
      <c r="G25" s="6"/>
    </row>
    <row r="26" spans="1:7" s="10" customFormat="1" ht="14.25" customHeight="1" x14ac:dyDescent="0.15">
      <c r="A26" s="28" t="s">
        <v>113</v>
      </c>
      <c r="B26" s="6"/>
      <c r="C26" s="6"/>
      <c r="D26" s="6"/>
      <c r="E26" s="6"/>
      <c r="F26" s="6"/>
      <c r="G26" s="6"/>
    </row>
    <row r="27" spans="1:7" s="10" customFormat="1" ht="14.25" customHeight="1" x14ac:dyDescent="0.15">
      <c r="A27" s="28" t="s">
        <v>115</v>
      </c>
      <c r="B27" s="6"/>
      <c r="C27" s="6"/>
      <c r="D27" s="6"/>
      <c r="E27" s="6"/>
      <c r="F27" s="6"/>
      <c r="G27" s="6"/>
    </row>
    <row r="28" spans="1:7" s="10" customFormat="1" ht="14.25" customHeight="1" x14ac:dyDescent="0.15">
      <c r="A28" s="28" t="s">
        <v>116</v>
      </c>
      <c r="B28" s="6"/>
      <c r="C28" s="6"/>
      <c r="D28" s="6"/>
      <c r="E28" s="6"/>
      <c r="F28" s="6"/>
      <c r="G28" s="6"/>
    </row>
    <row r="29" spans="1:7" s="10" customFormat="1" ht="14.25" customHeight="1" x14ac:dyDescent="0.15">
      <c r="A29" s="28" t="s">
        <v>117</v>
      </c>
      <c r="B29" s="6"/>
      <c r="C29" s="6"/>
      <c r="D29" s="6"/>
      <c r="E29" s="6"/>
      <c r="F29" s="6"/>
      <c r="G29" s="6"/>
    </row>
    <row r="30" spans="1:7" s="10" customFormat="1" ht="14.25" customHeight="1" x14ac:dyDescent="0.15">
      <c r="A30" s="28" t="s">
        <v>118</v>
      </c>
      <c r="B30" s="6"/>
      <c r="C30" s="6"/>
      <c r="D30" s="6"/>
      <c r="E30" s="6"/>
      <c r="F30" s="6"/>
      <c r="G30" s="6"/>
    </row>
    <row r="31" spans="1:7" s="10" customFormat="1" ht="14.25" customHeight="1" x14ac:dyDescent="0.15">
      <c r="A31" s="28" t="s">
        <v>119</v>
      </c>
      <c r="B31" s="6"/>
      <c r="C31" s="6"/>
      <c r="D31" s="6"/>
      <c r="E31" s="6"/>
      <c r="F31" s="6"/>
      <c r="G31" s="6"/>
    </row>
    <row r="32" spans="1:7" s="10" customFormat="1" ht="14.25" customHeight="1" x14ac:dyDescent="0.15">
      <c r="A32" s="747" t="s">
        <v>291</v>
      </c>
      <c r="B32" s="747"/>
      <c r="C32" s="747"/>
      <c r="D32" s="747"/>
      <c r="E32" s="747"/>
      <c r="F32" s="747"/>
      <c r="G32" s="747"/>
    </row>
    <row r="33" spans="1:7" s="10" customFormat="1" x14ac:dyDescent="0.15">
      <c r="A33" s="28" t="s">
        <v>122</v>
      </c>
      <c r="B33" s="6"/>
      <c r="C33" s="6"/>
      <c r="D33" s="6"/>
      <c r="E33" s="6"/>
      <c r="F33" s="6"/>
      <c r="G33" s="6"/>
    </row>
    <row r="34" spans="1:7" s="10" customFormat="1" x14ac:dyDescent="0.15">
      <c r="A34" s="28" t="s">
        <v>124</v>
      </c>
      <c r="B34" s="6"/>
      <c r="C34" s="6"/>
      <c r="D34" s="6"/>
      <c r="E34" s="6"/>
      <c r="F34" s="6"/>
      <c r="G34" s="6"/>
    </row>
    <row r="35" spans="1:7" s="10" customFormat="1" x14ac:dyDescent="0.15">
      <c r="A35" s="28" t="s">
        <v>125</v>
      </c>
      <c r="B35" s="6"/>
      <c r="C35" s="6"/>
      <c r="D35" s="6"/>
      <c r="E35" s="6"/>
      <c r="F35" s="6"/>
      <c r="G35" s="6"/>
    </row>
    <row r="36" spans="1:7" s="10" customFormat="1" x14ac:dyDescent="0.15">
      <c r="A36" s="28" t="s">
        <v>127</v>
      </c>
      <c r="B36" s="6"/>
      <c r="C36" s="6"/>
      <c r="D36" s="6"/>
      <c r="E36" s="6"/>
      <c r="F36" s="6"/>
      <c r="G36" s="6"/>
    </row>
    <row r="37" spans="1:7" s="10" customFormat="1" x14ac:dyDescent="0.15">
      <c r="A37" s="28" t="s">
        <v>128</v>
      </c>
      <c r="B37" s="6"/>
      <c r="C37" s="6"/>
      <c r="D37" s="6"/>
      <c r="E37" s="6"/>
      <c r="F37" s="6"/>
      <c r="G37" s="6"/>
    </row>
    <row r="38" spans="1:7" s="10" customFormat="1" x14ac:dyDescent="0.15">
      <c r="A38" s="28" t="s">
        <v>129</v>
      </c>
      <c r="B38" s="6"/>
      <c r="C38" s="6"/>
      <c r="D38" s="6"/>
      <c r="E38" s="6"/>
      <c r="F38" s="6"/>
      <c r="G38" s="6"/>
    </row>
    <row r="39" spans="1:7" s="10" customFormat="1" x14ac:dyDescent="0.15">
      <c r="A39" s="28" t="s">
        <v>131</v>
      </c>
      <c r="B39" s="6"/>
      <c r="C39" s="6"/>
      <c r="D39" s="6"/>
      <c r="E39" s="6"/>
      <c r="F39" s="6"/>
      <c r="G39" s="6"/>
    </row>
    <row r="40" spans="1:7" s="10" customFormat="1" x14ac:dyDescent="0.15">
      <c r="A40" s="28" t="s">
        <v>133</v>
      </c>
      <c r="B40" s="6"/>
      <c r="C40" s="6"/>
      <c r="D40" s="6"/>
      <c r="E40" s="6"/>
      <c r="F40" s="6"/>
      <c r="G40" s="6"/>
    </row>
    <row r="41" spans="1:7" s="10" customFormat="1" x14ac:dyDescent="0.15">
      <c r="A41" s="28" t="s">
        <v>134</v>
      </c>
      <c r="B41" s="6"/>
      <c r="C41" s="6"/>
      <c r="D41" s="6"/>
      <c r="E41" s="6"/>
      <c r="F41" s="6"/>
      <c r="G41" s="6"/>
    </row>
    <row r="42" spans="1:7" s="10" customFormat="1" x14ac:dyDescent="0.15">
      <c r="A42" s="28" t="s">
        <v>135</v>
      </c>
      <c r="B42" s="6"/>
      <c r="C42" s="6"/>
      <c r="D42" s="6"/>
      <c r="E42" s="6"/>
      <c r="F42" s="6"/>
      <c r="G42" s="6"/>
    </row>
    <row r="43" spans="1:7" s="10" customFormat="1" x14ac:dyDescent="0.15">
      <c r="A43" s="28" t="s">
        <v>136</v>
      </c>
      <c r="B43" s="6"/>
      <c r="C43" s="6"/>
      <c r="D43" s="6"/>
      <c r="E43" s="6"/>
      <c r="F43" s="6"/>
      <c r="G43" s="6"/>
    </row>
    <row r="44" spans="1:7" s="10" customFormat="1" x14ac:dyDescent="0.15">
      <c r="A44" s="28" t="s">
        <v>138</v>
      </c>
      <c r="B44" s="6"/>
      <c r="C44" s="6"/>
      <c r="D44" s="6"/>
      <c r="E44" s="6"/>
      <c r="F44" s="6"/>
      <c r="G44" s="6"/>
    </row>
    <row r="45" spans="1:7" s="10" customFormat="1" x14ac:dyDescent="0.15">
      <c r="A45" s="28" t="s">
        <v>139</v>
      </c>
      <c r="B45" s="6"/>
      <c r="C45" s="6"/>
      <c r="D45" s="6"/>
      <c r="E45" s="6"/>
      <c r="F45" s="6"/>
      <c r="G45" s="6"/>
    </row>
    <row r="46" spans="1:7" s="10" customFormat="1" x14ac:dyDescent="0.15">
      <c r="A46" s="28" t="s">
        <v>140</v>
      </c>
      <c r="B46" s="6"/>
      <c r="C46" s="6"/>
      <c r="D46" s="6"/>
      <c r="E46" s="6"/>
      <c r="F46" s="6"/>
      <c r="G46" s="6"/>
    </row>
    <row r="47" spans="1:7" s="10" customFormat="1" x14ac:dyDescent="0.15">
      <c r="A47" s="28" t="s">
        <v>141</v>
      </c>
      <c r="B47" s="6"/>
      <c r="C47" s="6"/>
      <c r="D47" s="6"/>
      <c r="E47" s="6"/>
      <c r="F47" s="6"/>
      <c r="G47" s="6"/>
    </row>
    <row r="48" spans="1:7" s="10" customFormat="1" x14ac:dyDescent="0.15">
      <c r="A48" s="28" t="s">
        <v>113</v>
      </c>
      <c r="B48" s="6"/>
      <c r="C48" s="6"/>
      <c r="D48" s="6"/>
      <c r="E48" s="6"/>
      <c r="F48" s="6"/>
      <c r="G48" s="6"/>
    </row>
    <row r="49" spans="1:7" s="10" customFormat="1" x14ac:dyDescent="0.15">
      <c r="A49" s="28" t="s">
        <v>143</v>
      </c>
      <c r="B49" s="6"/>
      <c r="C49" s="6"/>
      <c r="D49" s="6"/>
      <c r="E49" s="6"/>
      <c r="F49" s="6"/>
      <c r="G49" s="6"/>
    </row>
    <row r="50" spans="1:7" s="10" customFormat="1" x14ac:dyDescent="0.15">
      <c r="A50" s="28" t="s">
        <v>144</v>
      </c>
      <c r="B50" s="6"/>
      <c r="C50" s="6"/>
      <c r="D50" s="6"/>
      <c r="E50" s="6"/>
      <c r="F50" s="6"/>
      <c r="G50" s="6"/>
    </row>
    <row r="51" spans="1:7" s="10" customFormat="1" x14ac:dyDescent="0.15">
      <c r="A51" s="28" t="s">
        <v>146</v>
      </c>
      <c r="B51" s="6"/>
      <c r="C51" s="6"/>
      <c r="D51" s="6"/>
      <c r="E51" s="6"/>
      <c r="F51" s="6"/>
      <c r="G51" s="6"/>
    </row>
    <row r="52" spans="1:7" s="10" customFormat="1" x14ac:dyDescent="0.15">
      <c r="A52" s="747" t="s">
        <v>147</v>
      </c>
      <c r="B52" s="747"/>
      <c r="C52" s="747"/>
      <c r="D52" s="747"/>
      <c r="E52" s="747"/>
      <c r="F52" s="747"/>
      <c r="G52" s="747"/>
    </row>
    <row r="53" spans="1:7" s="10" customFormat="1" x14ac:dyDescent="0.15">
      <c r="A53" s="747"/>
      <c r="B53" s="747"/>
      <c r="C53" s="747"/>
      <c r="D53" s="747"/>
      <c r="E53" s="747"/>
      <c r="F53" s="747"/>
      <c r="G53" s="747"/>
    </row>
    <row r="54" spans="1:7" s="10" customFormat="1" x14ac:dyDescent="0.15">
      <c r="A54" s="28" t="s">
        <v>150</v>
      </c>
      <c r="B54" s="6"/>
      <c r="C54" s="6"/>
      <c r="D54" s="6"/>
      <c r="E54" s="6"/>
      <c r="F54" s="6"/>
      <c r="G54" s="6"/>
    </row>
    <row r="55" spans="1:7" s="10" customFormat="1" x14ac:dyDescent="0.15">
      <c r="A55" s="28" t="s">
        <v>154</v>
      </c>
      <c r="B55" s="6"/>
      <c r="C55" s="6"/>
      <c r="D55" s="6"/>
      <c r="E55" s="6"/>
      <c r="F55" s="6"/>
      <c r="G55" s="6"/>
    </row>
    <row r="56" spans="1:7" s="10" customFormat="1" x14ac:dyDescent="0.15">
      <c r="A56" s="28" t="s">
        <v>155</v>
      </c>
      <c r="B56" s="6"/>
      <c r="C56" s="6"/>
      <c r="D56" s="6"/>
      <c r="E56" s="6"/>
      <c r="F56" s="6"/>
      <c r="G56" s="6"/>
    </row>
    <row r="57" spans="1:7" s="10" customFormat="1" x14ac:dyDescent="0.15">
      <c r="A57" s="28" t="s">
        <v>157</v>
      </c>
      <c r="B57" s="6"/>
      <c r="C57" s="6"/>
      <c r="D57" s="6"/>
      <c r="E57" s="6"/>
      <c r="F57" s="6"/>
      <c r="G57" s="6"/>
    </row>
    <row r="58" spans="1:7" s="10" customFormat="1" x14ac:dyDescent="0.15">
      <c r="A58" s="28" t="s">
        <v>159</v>
      </c>
      <c r="B58" s="6"/>
      <c r="C58" s="6"/>
      <c r="D58" s="6"/>
      <c r="E58" s="6"/>
      <c r="F58" s="6"/>
      <c r="G58" s="6"/>
    </row>
    <row r="59" spans="1:7" s="10" customFormat="1" x14ac:dyDescent="0.15">
      <c r="A59" s="28" t="s">
        <v>161</v>
      </c>
      <c r="B59" s="6"/>
      <c r="C59" s="6"/>
      <c r="D59" s="6"/>
      <c r="E59" s="6"/>
      <c r="F59" s="6"/>
      <c r="G59" s="6"/>
    </row>
    <row r="60" spans="1:7" s="10" customFormat="1" x14ac:dyDescent="0.15">
      <c r="A60" s="28" t="s">
        <v>162</v>
      </c>
      <c r="B60" s="6"/>
      <c r="C60" s="6"/>
      <c r="D60" s="6"/>
      <c r="E60" s="6"/>
      <c r="F60" s="6"/>
      <c r="G60" s="6"/>
    </row>
    <row r="61" spans="1:7" s="10" customFormat="1" x14ac:dyDescent="0.15">
      <c r="A61" s="28" t="s">
        <v>163</v>
      </c>
      <c r="B61" s="6"/>
      <c r="C61" s="6"/>
      <c r="D61" s="6"/>
      <c r="E61" s="6"/>
      <c r="F61" s="6"/>
      <c r="G61" s="6"/>
    </row>
    <row r="62" spans="1:7" s="10" customFormat="1" x14ac:dyDescent="0.15">
      <c r="A62" s="28" t="s">
        <v>167</v>
      </c>
      <c r="B62" s="6"/>
      <c r="C62" s="6"/>
      <c r="D62" s="6"/>
      <c r="E62" s="6"/>
      <c r="F62" s="6"/>
      <c r="G62" s="6"/>
    </row>
    <row r="63" spans="1:7" s="10" customFormat="1" x14ac:dyDescent="0.15">
      <c r="A63" s="28" t="s">
        <v>168</v>
      </c>
      <c r="B63" s="6"/>
      <c r="C63" s="6"/>
      <c r="D63" s="6"/>
      <c r="E63" s="6"/>
      <c r="F63" s="6"/>
      <c r="G63" s="6"/>
    </row>
    <row r="64" spans="1:7" s="10" customFormat="1" x14ac:dyDescent="0.15">
      <c r="A64" s="28" t="s">
        <v>292</v>
      </c>
      <c r="B64" s="6"/>
      <c r="C64" s="6"/>
      <c r="D64" s="6"/>
      <c r="E64" s="6"/>
      <c r="F64" s="6"/>
      <c r="G64" s="6"/>
    </row>
    <row r="65" spans="1:7" s="10" customFormat="1" x14ac:dyDescent="0.15">
      <c r="A65" s="28" t="s">
        <v>170</v>
      </c>
      <c r="B65" s="6"/>
      <c r="C65" s="6"/>
      <c r="D65" s="6"/>
      <c r="E65" s="6"/>
      <c r="F65" s="6"/>
      <c r="G65" s="6"/>
    </row>
    <row r="66" spans="1:7" s="10" customFormat="1" x14ac:dyDescent="0.15">
      <c r="A66" s="28" t="s">
        <v>172</v>
      </c>
      <c r="B66" s="6"/>
      <c r="C66" s="6"/>
      <c r="D66" s="6"/>
      <c r="E66" s="6"/>
      <c r="F66" s="6"/>
      <c r="G66" s="6"/>
    </row>
    <row r="67" spans="1:7" s="10" customFormat="1" x14ac:dyDescent="0.15">
      <c r="A67" s="28" t="s">
        <v>293</v>
      </c>
      <c r="B67" s="6"/>
      <c r="C67" s="6"/>
      <c r="D67" s="6"/>
      <c r="E67" s="6"/>
      <c r="F67" s="6"/>
      <c r="G67" s="6"/>
    </row>
    <row r="68" spans="1:7" s="10" customFormat="1" x14ac:dyDescent="0.15">
      <c r="A68" s="28" t="s">
        <v>174</v>
      </c>
      <c r="B68" s="6"/>
      <c r="C68" s="6"/>
      <c r="D68" s="6"/>
      <c r="E68" s="6"/>
      <c r="F68" s="6"/>
      <c r="G68" s="6"/>
    </row>
    <row r="69" spans="1:7" s="10" customFormat="1" x14ac:dyDescent="0.15">
      <c r="A69" s="28" t="s">
        <v>176</v>
      </c>
      <c r="B69" s="6"/>
      <c r="C69" s="6"/>
      <c r="D69" s="6"/>
      <c r="E69" s="6"/>
      <c r="F69" s="6"/>
      <c r="G69" s="6"/>
    </row>
    <row r="70" spans="1:7" s="10" customFormat="1" x14ac:dyDescent="0.15">
      <c r="A70" s="28" t="s">
        <v>177</v>
      </c>
      <c r="B70" s="6"/>
      <c r="C70" s="6"/>
      <c r="D70" s="6"/>
      <c r="E70" s="6"/>
      <c r="F70" s="6"/>
      <c r="G70" s="6"/>
    </row>
    <row r="71" spans="1:7" s="10" customFormat="1" x14ac:dyDescent="0.15">
      <c r="A71" s="28" t="s">
        <v>178</v>
      </c>
      <c r="B71" s="6"/>
      <c r="C71" s="6"/>
      <c r="D71" s="6"/>
      <c r="E71" s="6"/>
      <c r="F71" s="6"/>
      <c r="G71" s="6"/>
    </row>
    <row r="72" spans="1:7" s="10" customFormat="1" x14ac:dyDescent="0.15">
      <c r="A72" s="28" t="s">
        <v>180</v>
      </c>
      <c r="B72" s="6"/>
      <c r="C72" s="6"/>
      <c r="D72" s="6"/>
      <c r="E72" s="6"/>
      <c r="F72" s="6"/>
      <c r="G72" s="6"/>
    </row>
    <row r="73" spans="1:7" s="10" customFormat="1" x14ac:dyDescent="0.15">
      <c r="A73" s="28" t="s">
        <v>181</v>
      </c>
      <c r="B73" s="6"/>
      <c r="C73" s="6"/>
      <c r="D73" s="6"/>
      <c r="E73" s="6"/>
      <c r="F73" s="6"/>
      <c r="G73" s="6"/>
    </row>
    <row r="74" spans="1:7" s="10" customFormat="1" x14ac:dyDescent="0.15">
      <c r="A74" s="28" t="s">
        <v>183</v>
      </c>
      <c r="B74" s="6"/>
      <c r="C74" s="6"/>
      <c r="D74" s="6"/>
      <c r="E74" s="6"/>
      <c r="F74" s="6"/>
      <c r="G74" s="6"/>
    </row>
    <row r="75" spans="1:7" s="10" customFormat="1" x14ac:dyDescent="0.15">
      <c r="A75" s="28" t="s">
        <v>170</v>
      </c>
      <c r="B75" s="6"/>
      <c r="C75" s="6"/>
      <c r="D75" s="6"/>
      <c r="E75" s="6"/>
      <c r="F75" s="6"/>
      <c r="G75" s="6"/>
    </row>
    <row r="76" spans="1:7" s="10" customFormat="1" x14ac:dyDescent="0.15">
      <c r="A76" s="28" t="s">
        <v>184</v>
      </c>
      <c r="B76" s="6"/>
      <c r="C76" s="6"/>
      <c r="D76" s="6"/>
      <c r="E76" s="6"/>
      <c r="F76" s="6"/>
      <c r="G76" s="6"/>
    </row>
    <row r="77" spans="1:7" s="10" customFormat="1" x14ac:dyDescent="0.15">
      <c r="A77" s="747" t="s">
        <v>294</v>
      </c>
      <c r="B77" s="747"/>
      <c r="C77" s="747"/>
      <c r="D77" s="747"/>
      <c r="E77" s="747"/>
      <c r="F77" s="747"/>
      <c r="G77" s="747"/>
    </row>
    <row r="78" spans="1:7" s="10" customFormat="1" x14ac:dyDescent="0.15">
      <c r="A78" s="747"/>
      <c r="B78" s="747"/>
      <c r="C78" s="747"/>
      <c r="D78" s="747"/>
      <c r="E78" s="747"/>
      <c r="F78" s="747"/>
      <c r="G78" s="747"/>
    </row>
    <row r="79" spans="1:7" s="10" customFormat="1" x14ac:dyDescent="0.15">
      <c r="A79" s="28" t="s">
        <v>185</v>
      </c>
      <c r="B79" s="6"/>
      <c r="C79" s="6"/>
      <c r="D79" s="6"/>
      <c r="E79" s="6"/>
      <c r="F79" s="6"/>
      <c r="G79" s="6"/>
    </row>
    <row r="80" spans="1:7" s="10" customFormat="1" x14ac:dyDescent="0.15">
      <c r="A80" s="28" t="s">
        <v>186</v>
      </c>
      <c r="B80" s="6"/>
      <c r="C80" s="6"/>
      <c r="D80" s="6"/>
      <c r="E80" s="6"/>
      <c r="F80" s="6"/>
      <c r="G80" s="6"/>
    </row>
    <row r="81" spans="1:7" s="10" customFormat="1" x14ac:dyDescent="0.15">
      <c r="A81" s="28" t="s">
        <v>187</v>
      </c>
      <c r="B81" s="6"/>
      <c r="C81" s="6"/>
      <c r="D81" s="6"/>
      <c r="E81" s="6"/>
      <c r="F81" s="6"/>
      <c r="G81" s="6"/>
    </row>
    <row r="82" spans="1:7" s="10" customFormat="1" x14ac:dyDescent="0.15">
      <c r="A82" s="28" t="s">
        <v>188</v>
      </c>
      <c r="B82" s="6"/>
      <c r="C82" s="6"/>
      <c r="D82" s="6"/>
      <c r="E82" s="6"/>
      <c r="F82" s="6"/>
      <c r="G82" s="6"/>
    </row>
    <row r="83" spans="1:7" s="10" customFormat="1" x14ac:dyDescent="0.15">
      <c r="A83" s="28" t="s">
        <v>170</v>
      </c>
      <c r="B83" s="6"/>
      <c r="C83" s="6"/>
      <c r="D83" s="6"/>
      <c r="E83" s="6"/>
      <c r="F83" s="6"/>
      <c r="G83" s="6"/>
    </row>
    <row r="84" spans="1:7" s="10" customFormat="1" x14ac:dyDescent="0.15">
      <c r="A84" s="28" t="s">
        <v>190</v>
      </c>
      <c r="B84" s="6"/>
      <c r="C84" s="6"/>
      <c r="D84" s="6"/>
      <c r="E84" s="6"/>
      <c r="F84" s="6"/>
      <c r="G84" s="6"/>
    </row>
    <row r="85" spans="1:7" s="10" customFormat="1" x14ac:dyDescent="0.15">
      <c r="A85" s="28" t="s">
        <v>191</v>
      </c>
      <c r="B85" s="6"/>
      <c r="C85" s="6"/>
      <c r="D85" s="6"/>
      <c r="E85" s="6"/>
      <c r="F85" s="6"/>
      <c r="G85" s="6"/>
    </row>
    <row r="86" spans="1:7" s="10" customFormat="1" x14ac:dyDescent="0.15">
      <c r="A86" s="28" t="s">
        <v>192</v>
      </c>
      <c r="B86" s="6"/>
      <c r="C86" s="6"/>
      <c r="D86" s="6"/>
      <c r="E86" s="6"/>
      <c r="F86" s="6"/>
      <c r="G86" s="6"/>
    </row>
    <row r="87" spans="1:7" s="10" customFormat="1" x14ac:dyDescent="0.15">
      <c r="A87" s="28" t="s">
        <v>193</v>
      </c>
      <c r="B87" s="6"/>
      <c r="C87" s="6"/>
      <c r="D87" s="6"/>
      <c r="E87" s="6"/>
      <c r="F87" s="6"/>
      <c r="G87" s="6"/>
    </row>
    <row r="88" spans="1:7" s="10" customFormat="1" x14ac:dyDescent="0.15">
      <c r="A88" s="28" t="s">
        <v>194</v>
      </c>
      <c r="B88" s="6"/>
      <c r="C88" s="6"/>
      <c r="D88" s="6"/>
      <c r="E88" s="6"/>
      <c r="F88" s="6"/>
      <c r="G88" s="6"/>
    </row>
    <row r="89" spans="1:7" s="10" customFormat="1" x14ac:dyDescent="0.15">
      <c r="A89" s="28" t="s">
        <v>195</v>
      </c>
      <c r="B89" s="6"/>
      <c r="C89" s="6"/>
      <c r="D89" s="6"/>
      <c r="E89" s="6"/>
      <c r="F89" s="6"/>
      <c r="G89" s="6"/>
    </row>
    <row r="90" spans="1:7" s="10" customFormat="1" x14ac:dyDescent="0.15">
      <c r="A90" s="28" t="s">
        <v>196</v>
      </c>
      <c r="B90" s="6"/>
      <c r="C90" s="6"/>
      <c r="D90" s="6"/>
      <c r="E90" s="6"/>
      <c r="F90" s="6"/>
      <c r="G90" s="6"/>
    </row>
    <row r="91" spans="1:7" s="10" customFormat="1" x14ac:dyDescent="0.15">
      <c r="A91" s="28" t="s">
        <v>198</v>
      </c>
      <c r="B91" s="6"/>
      <c r="C91" s="6"/>
      <c r="D91" s="6"/>
      <c r="E91" s="6"/>
      <c r="F91" s="6"/>
      <c r="G91" s="6"/>
    </row>
    <row r="92" spans="1:7" s="10" customFormat="1" x14ac:dyDescent="0.15">
      <c r="A92" s="28" t="s">
        <v>199</v>
      </c>
      <c r="B92" s="6"/>
      <c r="C92" s="6"/>
      <c r="D92" s="6"/>
      <c r="E92" s="6"/>
      <c r="F92" s="6"/>
      <c r="G92" s="6"/>
    </row>
    <row r="93" spans="1:7" s="10" customFormat="1" x14ac:dyDescent="0.15">
      <c r="A93" s="28" t="s">
        <v>200</v>
      </c>
      <c r="B93" s="6"/>
      <c r="C93" s="6"/>
      <c r="D93" s="6"/>
      <c r="E93" s="6"/>
      <c r="F93" s="6"/>
      <c r="G93" s="6"/>
    </row>
    <row r="94" spans="1:7" s="10" customFormat="1" x14ac:dyDescent="0.15">
      <c r="A94" s="28" t="s">
        <v>202</v>
      </c>
      <c r="B94" s="6"/>
      <c r="C94" s="6"/>
      <c r="D94" s="6"/>
      <c r="E94" s="6"/>
      <c r="F94" s="6"/>
      <c r="G94" s="6"/>
    </row>
    <row r="95" spans="1:7" s="10" customFormat="1" x14ac:dyDescent="0.15">
      <c r="A95" s="28" t="s">
        <v>203</v>
      </c>
      <c r="B95" s="6"/>
      <c r="C95" s="6"/>
      <c r="D95" s="6"/>
      <c r="E95" s="6"/>
      <c r="F95" s="6"/>
      <c r="G95" s="6"/>
    </row>
    <row r="96" spans="1:7" s="10" customFormat="1" x14ac:dyDescent="0.15">
      <c r="A96" s="28" t="s">
        <v>204</v>
      </c>
      <c r="B96" s="6"/>
      <c r="C96" s="6"/>
      <c r="D96" s="6"/>
      <c r="E96" s="6"/>
      <c r="F96" s="6"/>
      <c r="G96" s="6"/>
    </row>
    <row r="97" spans="1:7" s="10" customFormat="1" x14ac:dyDescent="0.15">
      <c r="A97" s="28" t="s">
        <v>206</v>
      </c>
      <c r="B97" s="6"/>
      <c r="C97" s="6"/>
      <c r="D97" s="6"/>
      <c r="E97" s="6"/>
      <c r="F97" s="6"/>
      <c r="G97" s="6"/>
    </row>
    <row r="98" spans="1:7" s="10" customFormat="1" x14ac:dyDescent="0.15">
      <c r="A98" s="28" t="s">
        <v>207</v>
      </c>
      <c r="B98" s="6"/>
      <c r="C98" s="6"/>
      <c r="D98" s="6"/>
      <c r="E98" s="6"/>
      <c r="F98" s="6"/>
      <c r="G98" s="6"/>
    </row>
    <row r="99" spans="1:7" s="10" customFormat="1" x14ac:dyDescent="0.15">
      <c r="A99" s="28" t="s">
        <v>209</v>
      </c>
      <c r="B99" s="6"/>
      <c r="C99" s="6"/>
      <c r="D99" s="6"/>
      <c r="E99" s="6"/>
      <c r="F99" s="6"/>
      <c r="G99" s="6"/>
    </row>
    <row r="100" spans="1:7" s="10" customFormat="1" x14ac:dyDescent="0.15">
      <c r="A100" s="28" t="s">
        <v>210</v>
      </c>
      <c r="B100" s="6"/>
      <c r="C100" s="6"/>
      <c r="D100" s="6"/>
      <c r="E100" s="6"/>
      <c r="F100" s="6"/>
      <c r="G100" s="6"/>
    </row>
    <row r="101" spans="1:7" s="10" customFormat="1" x14ac:dyDescent="0.15">
      <c r="A101" s="28" t="s">
        <v>212</v>
      </c>
      <c r="B101" s="6"/>
      <c r="C101" s="6"/>
      <c r="D101" s="6"/>
      <c r="E101" s="6"/>
      <c r="F101" s="6"/>
      <c r="G101" s="6"/>
    </row>
    <row r="102" spans="1:7" s="10" customFormat="1" x14ac:dyDescent="0.15">
      <c r="A102" s="28" t="s">
        <v>215</v>
      </c>
      <c r="B102" s="6"/>
      <c r="C102" s="6"/>
      <c r="D102" s="6"/>
      <c r="E102" s="6"/>
      <c r="F102" s="6"/>
      <c r="G102" s="6"/>
    </row>
    <row r="103" spans="1:7" s="10" customFormat="1" x14ac:dyDescent="0.15">
      <c r="A103" s="28" t="s">
        <v>216</v>
      </c>
      <c r="B103" s="6"/>
      <c r="C103" s="6"/>
      <c r="D103" s="6"/>
      <c r="E103" s="6"/>
      <c r="F103" s="6"/>
      <c r="G103" s="6"/>
    </row>
    <row r="104" spans="1:7" s="10" customFormat="1" x14ac:dyDescent="0.15">
      <c r="A104" s="747" t="s">
        <v>218</v>
      </c>
      <c r="B104" s="747"/>
      <c r="C104" s="747"/>
      <c r="D104" s="747"/>
      <c r="E104" s="747"/>
      <c r="F104" s="747"/>
      <c r="G104" s="747"/>
    </row>
    <row r="105" spans="1:7" s="10" customFormat="1" x14ac:dyDescent="0.15">
      <c r="A105" s="747"/>
      <c r="B105" s="747"/>
      <c r="C105" s="747"/>
      <c r="D105" s="747"/>
      <c r="E105" s="747"/>
      <c r="F105" s="747"/>
      <c r="G105" s="747"/>
    </row>
    <row r="106" spans="1:7" s="10" customFormat="1" x14ac:dyDescent="0.15">
      <c r="A106" s="28" t="s">
        <v>219</v>
      </c>
      <c r="B106" s="6"/>
      <c r="C106" s="6"/>
      <c r="D106" s="6"/>
      <c r="E106" s="6"/>
      <c r="F106" s="6"/>
      <c r="G106" s="6"/>
    </row>
    <row r="107" spans="1:7" s="10" customFormat="1" x14ac:dyDescent="0.15">
      <c r="A107" s="28" t="s">
        <v>222</v>
      </c>
      <c r="B107" s="6"/>
      <c r="C107" s="6"/>
      <c r="D107" s="6"/>
      <c r="E107" s="6"/>
      <c r="F107" s="6"/>
      <c r="G107" s="6"/>
    </row>
    <row r="108" spans="1:7" s="10" customFormat="1" x14ac:dyDescent="0.15">
      <c r="A108" s="28" t="s">
        <v>224</v>
      </c>
      <c r="B108" s="6"/>
      <c r="C108" s="6"/>
      <c r="D108" s="6"/>
      <c r="E108" s="6"/>
      <c r="F108" s="6"/>
      <c r="G108" s="6"/>
    </row>
    <row r="109" spans="1:7" s="10" customFormat="1" x14ac:dyDescent="0.15">
      <c r="A109" s="28" t="s">
        <v>226</v>
      </c>
      <c r="B109" s="6"/>
      <c r="C109" s="6"/>
      <c r="D109" s="6"/>
      <c r="E109" s="6"/>
      <c r="F109" s="6"/>
      <c r="G109" s="6"/>
    </row>
    <row r="110" spans="1:7" s="10" customFormat="1" x14ac:dyDescent="0.15">
      <c r="A110" s="6"/>
      <c r="B110" s="6"/>
      <c r="C110" s="6"/>
      <c r="D110" s="6"/>
      <c r="E110" s="6"/>
      <c r="F110" s="6"/>
      <c r="G110" s="6"/>
    </row>
    <row r="111" spans="1:7" s="10" customFormat="1" ht="29.25" customHeight="1" x14ac:dyDescent="0.2">
      <c r="A111" s="55" t="s">
        <v>234</v>
      </c>
      <c r="B111" s="6"/>
      <c r="C111" s="56" t="s">
        <v>235</v>
      </c>
      <c r="D111" s="6"/>
      <c r="E111" s="6"/>
      <c r="F111" s="6"/>
      <c r="G111" s="6"/>
    </row>
    <row r="112" spans="1:7" s="10" customFormat="1" x14ac:dyDescent="0.15">
      <c r="A112" s="28" t="s">
        <v>100</v>
      </c>
      <c r="B112" s="6"/>
      <c r="C112" s="6"/>
      <c r="D112" s="6"/>
      <c r="E112" s="6"/>
      <c r="F112" s="6"/>
      <c r="G112" s="6"/>
    </row>
    <row r="113" spans="1:7" s="10" customFormat="1" x14ac:dyDescent="0.15">
      <c r="A113" s="28" t="s">
        <v>104</v>
      </c>
      <c r="B113" s="6"/>
      <c r="C113" s="6"/>
      <c r="D113" s="6"/>
      <c r="E113" s="6"/>
      <c r="F113" s="6"/>
      <c r="G113" s="6"/>
    </row>
    <row r="114" spans="1:7" s="10" customFormat="1" x14ac:dyDescent="0.15">
      <c r="A114" s="28" t="s">
        <v>110</v>
      </c>
      <c r="B114" s="6"/>
      <c r="C114" s="6"/>
      <c r="D114" s="6"/>
      <c r="E114" s="6"/>
      <c r="F114" s="6"/>
      <c r="G114" s="6"/>
    </row>
    <row r="115" spans="1:7" s="10" customFormat="1" x14ac:dyDescent="0.15">
      <c r="A115" s="28" t="s">
        <v>112</v>
      </c>
      <c r="B115" s="6"/>
      <c r="C115" s="6"/>
      <c r="D115" s="6"/>
      <c r="E115" s="6"/>
      <c r="F115" s="6"/>
      <c r="G115" s="6"/>
    </row>
    <row r="116" spans="1:7" s="10" customFormat="1" x14ac:dyDescent="0.15">
      <c r="A116" s="28" t="s">
        <v>114</v>
      </c>
      <c r="B116" s="6"/>
      <c r="C116" s="6"/>
      <c r="D116" s="6"/>
      <c r="E116" s="6"/>
      <c r="F116" s="6"/>
      <c r="G116" s="6"/>
    </row>
    <row r="117" spans="1:7" s="10" customFormat="1" x14ac:dyDescent="0.15">
      <c r="A117" s="28" t="s">
        <v>123</v>
      </c>
      <c r="B117" s="6"/>
      <c r="C117" s="6"/>
      <c r="D117" s="6"/>
      <c r="E117" s="6"/>
      <c r="F117" s="6"/>
      <c r="G117" s="6"/>
    </row>
    <row r="118" spans="1:7" s="10" customFormat="1" ht="14.25" customHeight="1" x14ac:dyDescent="0.15">
      <c r="A118" s="748" t="s">
        <v>295</v>
      </c>
      <c r="B118" s="748"/>
      <c r="C118" s="748"/>
      <c r="D118" s="748"/>
      <c r="E118" s="748"/>
      <c r="F118" s="748"/>
      <c r="G118" s="748"/>
    </row>
    <row r="119" spans="1:7" s="10" customFormat="1" x14ac:dyDescent="0.15">
      <c r="A119" s="28" t="s">
        <v>126</v>
      </c>
      <c r="B119" s="6"/>
      <c r="C119" s="6"/>
      <c r="D119" s="6"/>
      <c r="E119" s="6"/>
      <c r="F119" s="6"/>
      <c r="G119" s="6"/>
    </row>
    <row r="120" spans="1:7" s="10" customFormat="1" x14ac:dyDescent="0.15">
      <c r="A120" s="28" t="s">
        <v>130</v>
      </c>
      <c r="B120" s="6"/>
      <c r="C120" s="6"/>
      <c r="D120" s="6"/>
      <c r="E120" s="6"/>
      <c r="F120" s="6"/>
      <c r="G120" s="6"/>
    </row>
    <row r="121" spans="1:7" s="10" customFormat="1" x14ac:dyDescent="0.15">
      <c r="A121" s="28" t="s">
        <v>132</v>
      </c>
      <c r="B121" s="6"/>
      <c r="C121" s="6"/>
      <c r="D121" s="6"/>
      <c r="E121" s="6"/>
      <c r="F121" s="6"/>
      <c r="G121" s="6"/>
    </row>
    <row r="122" spans="1:7" s="10" customFormat="1" x14ac:dyDescent="0.15">
      <c r="A122" s="28" t="s">
        <v>137</v>
      </c>
      <c r="B122" s="6"/>
      <c r="C122" s="6"/>
      <c r="D122" s="6"/>
      <c r="E122" s="6"/>
      <c r="F122" s="6"/>
      <c r="G122" s="6"/>
    </row>
    <row r="123" spans="1:7" s="10" customFormat="1" x14ac:dyDescent="0.15">
      <c r="A123" s="747" t="s">
        <v>296</v>
      </c>
      <c r="B123" s="747"/>
      <c r="C123" s="747"/>
      <c r="D123" s="747"/>
      <c r="E123" s="747"/>
      <c r="F123" s="747"/>
      <c r="G123" s="747"/>
    </row>
    <row r="124" spans="1:7" s="10" customFormat="1" x14ac:dyDescent="0.15">
      <c r="A124" s="747"/>
      <c r="B124" s="747"/>
      <c r="C124" s="747"/>
      <c r="D124" s="747"/>
      <c r="E124" s="747"/>
      <c r="F124" s="747"/>
      <c r="G124" s="747"/>
    </row>
    <row r="125" spans="1:7" s="10" customFormat="1" x14ac:dyDescent="0.15">
      <c r="A125" s="28" t="s">
        <v>142</v>
      </c>
      <c r="B125" s="6"/>
      <c r="C125" s="6"/>
      <c r="D125" s="6"/>
      <c r="E125" s="6"/>
      <c r="F125" s="6"/>
      <c r="G125" s="6"/>
    </row>
    <row r="126" spans="1:7" s="10" customFormat="1" x14ac:dyDescent="0.15">
      <c r="A126" s="28" t="s">
        <v>145</v>
      </c>
      <c r="B126" s="6"/>
      <c r="C126" s="6"/>
      <c r="D126" s="6"/>
      <c r="E126" s="6"/>
      <c r="F126" s="6"/>
      <c r="G126" s="6"/>
    </row>
    <row r="127" spans="1:7" s="10" customFormat="1" x14ac:dyDescent="0.15">
      <c r="A127" s="28" t="s">
        <v>148</v>
      </c>
      <c r="B127" s="6"/>
      <c r="C127" s="6"/>
      <c r="D127" s="6"/>
      <c r="E127" s="6"/>
      <c r="F127" s="6"/>
      <c r="G127" s="6"/>
    </row>
    <row r="128" spans="1:7" s="10" customFormat="1" x14ac:dyDescent="0.15">
      <c r="A128" s="28" t="s">
        <v>149</v>
      </c>
      <c r="B128" s="6"/>
      <c r="C128" s="6"/>
      <c r="D128" s="6"/>
      <c r="E128" s="6"/>
      <c r="F128" s="6"/>
      <c r="G128" s="6"/>
    </row>
    <row r="129" spans="1:7" s="10" customFormat="1" x14ac:dyDescent="0.15">
      <c r="A129" s="28" t="s">
        <v>151</v>
      </c>
      <c r="B129" s="6"/>
      <c r="C129" s="6"/>
      <c r="D129" s="6"/>
      <c r="E129" s="6"/>
      <c r="F129" s="6"/>
      <c r="G129" s="6"/>
    </row>
    <row r="130" spans="1:7" s="10" customFormat="1" x14ac:dyDescent="0.15">
      <c r="A130" s="28" t="s">
        <v>152</v>
      </c>
      <c r="B130" s="6"/>
      <c r="C130" s="6"/>
      <c r="D130" s="6"/>
      <c r="E130" s="6"/>
      <c r="F130" s="6"/>
      <c r="G130" s="6"/>
    </row>
    <row r="131" spans="1:7" s="10" customFormat="1" x14ac:dyDescent="0.15">
      <c r="A131" s="28" t="s">
        <v>153</v>
      </c>
      <c r="B131" s="6"/>
      <c r="C131" s="6"/>
      <c r="D131" s="6"/>
      <c r="E131" s="6"/>
      <c r="F131" s="6"/>
      <c r="G131" s="6"/>
    </row>
    <row r="132" spans="1:7" s="10" customFormat="1" x14ac:dyDescent="0.15">
      <c r="A132" s="28" t="s">
        <v>156</v>
      </c>
      <c r="B132" s="6"/>
      <c r="C132" s="6"/>
      <c r="D132" s="6"/>
      <c r="E132" s="6"/>
      <c r="F132" s="6"/>
      <c r="G132" s="6"/>
    </row>
    <row r="133" spans="1:7" s="10" customFormat="1" x14ac:dyDescent="0.15">
      <c r="A133" s="28" t="s">
        <v>160</v>
      </c>
      <c r="B133" s="6"/>
      <c r="C133" s="6"/>
      <c r="D133" s="6"/>
      <c r="E133" s="6"/>
      <c r="F133" s="6"/>
      <c r="G133" s="6"/>
    </row>
    <row r="134" spans="1:7" s="10" customFormat="1" x14ac:dyDescent="0.15">
      <c r="A134" s="28" t="s">
        <v>164</v>
      </c>
      <c r="B134" s="6"/>
      <c r="C134" s="6"/>
      <c r="D134" s="6"/>
      <c r="E134" s="6"/>
      <c r="F134" s="6"/>
      <c r="G134" s="6"/>
    </row>
    <row r="135" spans="1:7" s="10" customFormat="1" ht="18.75" customHeight="1" x14ac:dyDescent="0.15">
      <c r="A135" s="747" t="s">
        <v>165</v>
      </c>
      <c r="B135" s="747"/>
      <c r="C135" s="747"/>
      <c r="D135" s="747"/>
      <c r="E135" s="747"/>
      <c r="F135" s="747"/>
      <c r="G135" s="747"/>
    </row>
    <row r="136" spans="1:7" s="10" customFormat="1" x14ac:dyDescent="0.15">
      <c r="A136" s="747" t="s">
        <v>166</v>
      </c>
      <c r="B136" s="747"/>
      <c r="C136" s="747"/>
      <c r="D136" s="747"/>
      <c r="E136" s="747"/>
      <c r="F136" s="747"/>
      <c r="G136" s="747"/>
    </row>
    <row r="137" spans="1:7" s="10" customFormat="1" x14ac:dyDescent="0.15">
      <c r="A137" s="747"/>
      <c r="B137" s="747"/>
      <c r="C137" s="747"/>
      <c r="D137" s="747"/>
      <c r="E137" s="747"/>
      <c r="F137" s="747"/>
      <c r="G137" s="747"/>
    </row>
    <row r="138" spans="1:7" s="10" customFormat="1" x14ac:dyDescent="0.15">
      <c r="A138" s="28" t="s">
        <v>169</v>
      </c>
      <c r="B138" s="6"/>
      <c r="C138" s="6"/>
      <c r="D138" s="6"/>
      <c r="E138" s="6"/>
      <c r="F138" s="6"/>
      <c r="G138" s="6"/>
    </row>
    <row r="139" spans="1:7" s="10" customFormat="1" x14ac:dyDescent="0.15">
      <c r="A139" s="28" t="s">
        <v>171</v>
      </c>
      <c r="B139" s="6"/>
      <c r="C139" s="6"/>
      <c r="D139" s="6"/>
      <c r="E139" s="6"/>
      <c r="F139" s="6"/>
      <c r="G139" s="6"/>
    </row>
    <row r="140" spans="1:7" s="10" customFormat="1" x14ac:dyDescent="0.15">
      <c r="A140" s="28" t="s">
        <v>173</v>
      </c>
      <c r="B140" s="6"/>
      <c r="C140" s="6"/>
      <c r="D140" s="6"/>
      <c r="E140" s="6"/>
      <c r="F140" s="6"/>
      <c r="G140" s="6"/>
    </row>
    <row r="141" spans="1:7" s="10" customFormat="1" x14ac:dyDescent="0.15">
      <c r="A141" s="28" t="s">
        <v>175</v>
      </c>
      <c r="B141" s="6"/>
      <c r="C141" s="6"/>
      <c r="D141" s="6"/>
      <c r="E141" s="6"/>
      <c r="F141" s="6"/>
      <c r="G141" s="6"/>
    </row>
    <row r="142" spans="1:7" s="10" customFormat="1" x14ac:dyDescent="0.15">
      <c r="A142" s="28" t="s">
        <v>179</v>
      </c>
      <c r="B142" s="6"/>
      <c r="C142" s="6"/>
      <c r="D142" s="6"/>
      <c r="E142" s="6"/>
      <c r="F142" s="6"/>
      <c r="G142" s="6"/>
    </row>
    <row r="143" spans="1:7" s="10" customFormat="1" x14ac:dyDescent="0.15">
      <c r="A143" s="28" t="s">
        <v>182</v>
      </c>
      <c r="B143" s="6"/>
      <c r="C143" s="6"/>
      <c r="D143" s="6"/>
      <c r="E143" s="6"/>
      <c r="F143" s="6"/>
      <c r="G143" s="6"/>
    </row>
    <row r="144" spans="1:7" s="10" customFormat="1" x14ac:dyDescent="0.15">
      <c r="A144" s="28" t="s">
        <v>189</v>
      </c>
      <c r="B144" s="6"/>
      <c r="C144" s="6"/>
      <c r="D144" s="6"/>
      <c r="E144" s="6"/>
      <c r="F144" s="6"/>
      <c r="G144" s="6"/>
    </row>
    <row r="145" spans="1:7" s="10" customFormat="1" ht="14.25" customHeight="1" x14ac:dyDescent="0.15">
      <c r="A145" s="747" t="s">
        <v>197</v>
      </c>
      <c r="B145" s="747"/>
      <c r="C145" s="747"/>
      <c r="D145" s="747"/>
      <c r="E145" s="747"/>
      <c r="F145" s="747"/>
      <c r="G145" s="747"/>
    </row>
    <row r="146" spans="1:7" s="10" customFormat="1" x14ac:dyDescent="0.15">
      <c r="A146" s="28" t="s">
        <v>201</v>
      </c>
      <c r="B146" s="6"/>
      <c r="C146" s="6"/>
      <c r="D146" s="6"/>
      <c r="E146" s="6"/>
      <c r="F146" s="6"/>
      <c r="G146" s="6"/>
    </row>
    <row r="147" spans="1:7" s="10" customFormat="1" x14ac:dyDescent="0.15">
      <c r="A147" s="28" t="s">
        <v>205</v>
      </c>
      <c r="B147" s="6"/>
      <c r="C147" s="6"/>
      <c r="D147" s="6"/>
      <c r="E147" s="6"/>
      <c r="F147" s="6"/>
      <c r="G147" s="6"/>
    </row>
    <row r="148" spans="1:7" s="10" customFormat="1" x14ac:dyDescent="0.15">
      <c r="A148" s="28" t="s">
        <v>208</v>
      </c>
      <c r="B148" s="6"/>
      <c r="C148" s="6"/>
      <c r="D148" s="6"/>
      <c r="E148" s="6"/>
      <c r="F148" s="6"/>
      <c r="G148" s="6"/>
    </row>
    <row r="149" spans="1:7" s="10" customFormat="1" x14ac:dyDescent="0.15">
      <c r="A149" s="28" t="s">
        <v>211</v>
      </c>
      <c r="B149" s="6"/>
      <c r="C149" s="6"/>
      <c r="D149" s="6"/>
      <c r="E149" s="6"/>
      <c r="F149" s="6"/>
      <c r="G149" s="6"/>
    </row>
    <row r="150" spans="1:7" s="10" customFormat="1" x14ac:dyDescent="0.15">
      <c r="A150" s="28" t="s">
        <v>213</v>
      </c>
      <c r="B150" s="6"/>
      <c r="C150" s="6"/>
      <c r="D150" s="6"/>
      <c r="E150" s="6"/>
      <c r="F150" s="6"/>
      <c r="G150" s="6"/>
    </row>
    <row r="151" spans="1:7" s="10" customFormat="1" x14ac:dyDescent="0.15">
      <c r="A151" s="28" t="s">
        <v>214</v>
      </c>
      <c r="B151" s="6"/>
      <c r="C151" s="6"/>
      <c r="D151" s="6"/>
      <c r="E151" s="6"/>
      <c r="F151" s="6"/>
      <c r="G151" s="6"/>
    </row>
    <row r="152" spans="1:7" s="10" customFormat="1" x14ac:dyDescent="0.15">
      <c r="A152" s="28" t="s">
        <v>217</v>
      </c>
      <c r="B152" s="6"/>
      <c r="C152" s="6"/>
      <c r="D152" s="6"/>
      <c r="E152" s="6"/>
      <c r="F152" s="6"/>
      <c r="G152" s="6"/>
    </row>
    <row r="153" spans="1:7" s="10" customFormat="1" x14ac:dyDescent="0.15">
      <c r="A153" s="28" t="s">
        <v>220</v>
      </c>
      <c r="B153" s="6"/>
      <c r="C153" s="6"/>
      <c r="D153" s="6"/>
      <c r="E153" s="6"/>
      <c r="F153" s="6"/>
      <c r="G153" s="6"/>
    </row>
    <row r="154" spans="1:7" s="10" customFormat="1" x14ac:dyDescent="0.15">
      <c r="A154" s="747" t="s">
        <v>221</v>
      </c>
      <c r="B154" s="747"/>
      <c r="C154" s="747"/>
      <c r="D154" s="747"/>
      <c r="E154" s="747"/>
      <c r="F154" s="747"/>
      <c r="G154" s="747"/>
    </row>
    <row r="155" spans="1:7" s="10" customFormat="1" x14ac:dyDescent="0.15">
      <c r="A155" s="747"/>
      <c r="B155" s="747"/>
      <c r="C155" s="747"/>
      <c r="D155" s="747"/>
      <c r="E155" s="747"/>
      <c r="F155" s="747"/>
      <c r="G155" s="747"/>
    </row>
    <row r="156" spans="1:7" s="10" customFormat="1" x14ac:dyDescent="0.15">
      <c r="A156" s="28" t="s">
        <v>223</v>
      </c>
      <c r="B156" s="6"/>
      <c r="C156" s="6"/>
      <c r="D156" s="6"/>
      <c r="E156" s="6"/>
      <c r="F156" s="6"/>
      <c r="G156" s="6"/>
    </row>
    <row r="157" spans="1:7" s="10" customFormat="1" x14ac:dyDescent="0.15">
      <c r="A157" s="28" t="s">
        <v>225</v>
      </c>
      <c r="B157" s="6"/>
      <c r="C157" s="6"/>
      <c r="D157" s="6"/>
      <c r="E157" s="6"/>
      <c r="F157" s="6"/>
      <c r="G157" s="6"/>
    </row>
    <row r="158" spans="1:7" s="10" customFormat="1" x14ac:dyDescent="0.15">
      <c r="A158" s="6"/>
      <c r="B158" s="6"/>
      <c r="C158" s="6"/>
      <c r="D158" s="6"/>
      <c r="E158" s="6"/>
      <c r="F158" s="6"/>
      <c r="G158" s="6"/>
    </row>
    <row r="159" spans="1:7" s="10" customFormat="1" x14ac:dyDescent="0.15"/>
  </sheetData>
  <mergeCells count="10">
    <mergeCell ref="A154:G155"/>
    <mergeCell ref="A32:G32"/>
    <mergeCell ref="A145:G145"/>
    <mergeCell ref="A52:G53"/>
    <mergeCell ref="A77:G78"/>
    <mergeCell ref="A104:G105"/>
    <mergeCell ref="A123:G124"/>
    <mergeCell ref="A136:G137"/>
    <mergeCell ref="A135:G135"/>
    <mergeCell ref="A118:G118"/>
  </mergeCells>
  <phoneticPr fontId="1"/>
  <pageMargins left="0.7" right="0.7" top="0.75" bottom="0.75" header="0.3" footer="0.3"/>
  <pageSetup paperSize="9" scale="80" orientation="portrait" r:id="rId1"/>
  <rowBreaks count="1" manualBreakCount="1">
    <brk id="110" max="6" man="1"/>
  </row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2"/>
  <sheetViews>
    <sheetView view="pageBreakPreview" zoomScale="80" zoomScaleNormal="85" zoomScaleSheetLayoutView="80" workbookViewId="0"/>
  </sheetViews>
  <sheetFormatPr defaultColWidth="14.625" defaultRowHeight="20.100000000000001" customHeight="1" x14ac:dyDescent="0.15"/>
  <cols>
    <col min="1" max="1" width="3" style="179" customWidth="1"/>
    <col min="2" max="2" width="16.25" style="179" customWidth="1"/>
    <col min="3" max="16384" width="14.625" style="179"/>
  </cols>
  <sheetData>
    <row r="1" spans="1:9" ht="20.100000000000001" customHeight="1" x14ac:dyDescent="0.15">
      <c r="A1" s="658" t="s">
        <v>487</v>
      </c>
    </row>
    <row r="2" spans="1:9" ht="20.100000000000001" customHeight="1" x14ac:dyDescent="0.15">
      <c r="B2" s="635"/>
    </row>
    <row r="3" spans="1:9" ht="20.100000000000001" customHeight="1" thickBot="1" x14ac:dyDescent="0.2">
      <c r="B3" s="179" t="s">
        <v>582</v>
      </c>
    </row>
    <row r="4" spans="1:9" ht="20.100000000000001" customHeight="1" thickBot="1" x14ac:dyDescent="0.2">
      <c r="B4" s="636" t="s">
        <v>74</v>
      </c>
      <c r="C4" s="633" t="s">
        <v>21</v>
      </c>
      <c r="D4" s="413" t="s">
        <v>20</v>
      </c>
      <c r="E4" s="413" t="s">
        <v>19</v>
      </c>
      <c r="F4" s="412" t="s">
        <v>18</v>
      </c>
      <c r="G4" s="637" t="s">
        <v>17</v>
      </c>
    </row>
    <row r="5" spans="1:9" ht="20.100000000000001" customHeight="1" thickTop="1" x14ac:dyDescent="0.15">
      <c r="B5" s="481" t="s">
        <v>414</v>
      </c>
      <c r="C5" s="344">
        <v>6</v>
      </c>
      <c r="D5" s="627">
        <v>1</v>
      </c>
      <c r="E5" s="345">
        <v>579</v>
      </c>
      <c r="F5" s="346">
        <v>17</v>
      </c>
      <c r="G5" s="316">
        <v>603</v>
      </c>
    </row>
    <row r="6" spans="1:9" ht="20.100000000000001" customHeight="1" thickBot="1" x14ac:dyDescent="0.2">
      <c r="B6" s="631" t="s">
        <v>415</v>
      </c>
      <c r="C6" s="347">
        <v>5</v>
      </c>
      <c r="D6" s="628">
        <v>11</v>
      </c>
      <c r="E6" s="348">
        <v>387</v>
      </c>
      <c r="F6" s="629">
        <v>27</v>
      </c>
      <c r="G6" s="317">
        <v>430</v>
      </c>
    </row>
    <row r="7" spans="1:9" ht="20.100000000000001" customHeight="1" thickTop="1" thickBot="1" x14ac:dyDescent="0.2">
      <c r="B7" s="477" t="s">
        <v>247</v>
      </c>
      <c r="C7" s="638">
        <v>11</v>
      </c>
      <c r="D7" s="638">
        <v>12</v>
      </c>
      <c r="E7" s="638">
        <v>966</v>
      </c>
      <c r="F7" s="638">
        <v>44</v>
      </c>
      <c r="G7" s="639">
        <v>1033</v>
      </c>
    </row>
    <row r="8" spans="1:9" ht="19.5" customHeight="1" x14ac:dyDescent="0.15"/>
    <row r="9" spans="1:9" ht="20.100000000000001" customHeight="1" thickBot="1" x14ac:dyDescent="0.2">
      <c r="B9" s="188" t="s">
        <v>583</v>
      </c>
    </row>
    <row r="10" spans="1:9" ht="20.100000000000001" customHeight="1" thickBot="1" x14ac:dyDescent="0.2">
      <c r="B10" s="636" t="s">
        <v>227</v>
      </c>
      <c r="C10" s="633" t="s">
        <v>3</v>
      </c>
      <c r="D10" s="492" t="s">
        <v>438</v>
      </c>
      <c r="E10" s="492" t="s">
        <v>4</v>
      </c>
      <c r="F10" s="413" t="s">
        <v>5</v>
      </c>
      <c r="G10" s="412" t="s">
        <v>36</v>
      </c>
      <c r="H10" s="637" t="s">
        <v>17</v>
      </c>
    </row>
    <row r="11" spans="1:9" ht="20.100000000000001" customHeight="1" thickTop="1" x14ac:dyDescent="0.15">
      <c r="B11" s="481" t="s">
        <v>414</v>
      </c>
      <c r="C11" s="340">
        <v>6</v>
      </c>
      <c r="D11" s="243">
        <v>92</v>
      </c>
      <c r="E11" s="243">
        <v>180</v>
      </c>
      <c r="F11" s="243">
        <v>324</v>
      </c>
      <c r="G11" s="530">
        <v>1</v>
      </c>
      <c r="H11" s="341">
        <v>603</v>
      </c>
      <c r="I11" s="315"/>
    </row>
    <row r="12" spans="1:9" ht="20.100000000000001" customHeight="1" thickBot="1" x14ac:dyDescent="0.2">
      <c r="B12" s="631" t="s">
        <v>415</v>
      </c>
      <c r="C12" s="342">
        <v>6</v>
      </c>
      <c r="D12" s="246">
        <v>37</v>
      </c>
      <c r="E12" s="246">
        <v>151</v>
      </c>
      <c r="F12" s="246">
        <v>225</v>
      </c>
      <c r="G12" s="531">
        <v>11</v>
      </c>
      <c r="H12" s="343">
        <v>430</v>
      </c>
      <c r="I12" s="315"/>
    </row>
    <row r="13" spans="1:9" ht="20.100000000000001" customHeight="1" thickTop="1" thickBot="1" x14ac:dyDescent="0.2">
      <c r="B13" s="484" t="s">
        <v>416</v>
      </c>
      <c r="C13" s="532">
        <v>12</v>
      </c>
      <c r="D13" s="532">
        <v>129</v>
      </c>
      <c r="E13" s="532">
        <v>331</v>
      </c>
      <c r="F13" s="532">
        <v>549</v>
      </c>
      <c r="G13" s="640">
        <v>12</v>
      </c>
      <c r="H13" s="641">
        <v>1033</v>
      </c>
      <c r="I13" s="315"/>
    </row>
    <row r="14" spans="1:9" ht="20.100000000000001" customHeight="1" x14ac:dyDescent="0.15">
      <c r="B14" s="632" t="s">
        <v>2</v>
      </c>
      <c r="C14" s="616">
        <v>1.1616650532429816E-2</v>
      </c>
      <c r="D14" s="616">
        <v>0.12487899322362052</v>
      </c>
      <c r="E14" s="616">
        <v>0.32042594385285578</v>
      </c>
      <c r="F14" s="616">
        <v>0.53146176185866412</v>
      </c>
      <c r="G14" s="642">
        <v>1.1616650532429816E-2</v>
      </c>
      <c r="H14" s="643">
        <v>1</v>
      </c>
      <c r="I14" s="644"/>
    </row>
    <row r="15" spans="1:9" ht="20.100000000000001" customHeight="1" thickBot="1" x14ac:dyDescent="0.2">
      <c r="B15" s="645" t="s">
        <v>555</v>
      </c>
      <c r="C15" s="613">
        <v>1.2070000000000001E-2</v>
      </c>
      <c r="D15" s="573">
        <v>0.104</v>
      </c>
      <c r="E15" s="573">
        <v>0.2024</v>
      </c>
      <c r="F15" s="573">
        <v>0.55100000000000005</v>
      </c>
      <c r="G15" s="646">
        <v>0.13100000000000001</v>
      </c>
      <c r="H15" s="647">
        <v>1.00047</v>
      </c>
    </row>
    <row r="16" spans="1:9" ht="19.5" customHeight="1" x14ac:dyDescent="0.15"/>
    <row r="17" spans="2:12" ht="20.100000000000001" customHeight="1" thickBot="1" x14ac:dyDescent="0.2">
      <c r="B17" s="188" t="s">
        <v>584</v>
      </c>
    </row>
    <row r="18" spans="2:12" ht="30.75" customHeight="1" thickBot="1" x14ac:dyDescent="0.2">
      <c r="B18" s="636" t="s">
        <v>441</v>
      </c>
      <c r="C18" s="634" t="s">
        <v>440</v>
      </c>
      <c r="D18" s="634" t="s">
        <v>443</v>
      </c>
      <c r="E18" s="491" t="s">
        <v>439</v>
      </c>
      <c r="F18" s="648" t="s">
        <v>444</v>
      </c>
      <c r="G18" s="492" t="s">
        <v>445</v>
      </c>
      <c r="H18" s="492" t="s">
        <v>446</v>
      </c>
      <c r="I18" s="492" t="s">
        <v>442</v>
      </c>
      <c r="J18" s="649" t="s">
        <v>447</v>
      </c>
      <c r="K18" s="495" t="s">
        <v>17</v>
      </c>
    </row>
    <row r="19" spans="2:12" ht="20.100000000000001" customHeight="1" thickTop="1" x14ac:dyDescent="0.15">
      <c r="B19" s="481" t="s">
        <v>418</v>
      </c>
      <c r="C19" s="243">
        <v>236</v>
      </c>
      <c r="D19" s="339">
        <v>485</v>
      </c>
      <c r="E19" s="339">
        <v>107</v>
      </c>
      <c r="F19" s="339">
        <v>97</v>
      </c>
      <c r="G19" s="339">
        <v>4</v>
      </c>
      <c r="H19" s="339">
        <v>44</v>
      </c>
      <c r="I19" s="339">
        <v>2</v>
      </c>
      <c r="J19" s="533">
        <v>58</v>
      </c>
      <c r="K19" s="397">
        <v>1033</v>
      </c>
    </row>
    <row r="20" spans="2:12" ht="20.100000000000001" customHeight="1" x14ac:dyDescent="0.15">
      <c r="B20" s="482" t="s">
        <v>2</v>
      </c>
      <c r="C20" s="617">
        <v>0.22846079380445306</v>
      </c>
      <c r="D20" s="617">
        <v>0.46950629235237173</v>
      </c>
      <c r="E20" s="617">
        <v>0.10358180058083252</v>
      </c>
      <c r="F20" s="617">
        <v>9.3901258470474341E-2</v>
      </c>
      <c r="G20" s="617">
        <v>3.8722168441432721E-3</v>
      </c>
      <c r="H20" s="617">
        <v>4.2594385285575992E-2</v>
      </c>
      <c r="I20" s="617">
        <v>1.9361084220716361E-3</v>
      </c>
      <c r="J20" s="618">
        <v>5.6147144240077447E-2</v>
      </c>
      <c r="K20" s="619">
        <v>1</v>
      </c>
      <c r="L20" s="650"/>
    </row>
    <row r="21" spans="2:12" ht="20.100000000000001" customHeight="1" thickBot="1" x14ac:dyDescent="0.2">
      <c r="B21" s="655" t="s">
        <v>532</v>
      </c>
      <c r="C21" s="606">
        <v>0.2452</v>
      </c>
      <c r="D21" s="573">
        <v>0.46899999999999997</v>
      </c>
      <c r="E21" s="573">
        <v>0.1014</v>
      </c>
      <c r="F21" s="572" t="s">
        <v>509</v>
      </c>
      <c r="G21" s="572" t="s">
        <v>509</v>
      </c>
      <c r="H21" s="573">
        <v>3.7900000000000003E-2</v>
      </c>
      <c r="I21" s="573">
        <v>1.337E-2</v>
      </c>
      <c r="J21" s="651">
        <v>0.13266</v>
      </c>
      <c r="K21" s="652">
        <v>0.99953000000000003</v>
      </c>
      <c r="L21" s="653"/>
    </row>
    <row r="22" spans="2:12" ht="19.5" customHeight="1" x14ac:dyDescent="0.15">
      <c r="D22" s="448" t="s">
        <v>561</v>
      </c>
    </row>
    <row r="23" spans="2:12" ht="23.25" customHeight="1" thickBot="1" x14ac:dyDescent="0.2">
      <c r="B23" s="179" t="s">
        <v>564</v>
      </c>
      <c r="F23" s="268"/>
    </row>
    <row r="24" spans="2:12" ht="20.100000000000001" customHeight="1" thickBot="1" x14ac:dyDescent="0.2">
      <c r="B24" s="667" t="s">
        <v>441</v>
      </c>
      <c r="C24" s="749"/>
      <c r="D24" s="750"/>
      <c r="E24" s="174" t="s">
        <v>418</v>
      </c>
      <c r="F24" s="630"/>
    </row>
    <row r="25" spans="2:12" ht="20.100000000000001" customHeight="1" thickTop="1" x14ac:dyDescent="0.15">
      <c r="B25" s="196" t="s">
        <v>498</v>
      </c>
      <c r="C25" s="197"/>
      <c r="D25" s="197"/>
      <c r="E25" s="172">
        <v>20</v>
      </c>
      <c r="F25" s="630"/>
    </row>
    <row r="26" spans="2:12" ht="20.100000000000001" customHeight="1" x14ac:dyDescent="0.15">
      <c r="B26" s="198" t="s">
        <v>510</v>
      </c>
      <c r="C26" s="199"/>
      <c r="D26" s="199"/>
      <c r="E26" s="173">
        <v>5</v>
      </c>
      <c r="F26" s="630"/>
    </row>
    <row r="27" spans="2:12" ht="20.100000000000001" customHeight="1" x14ac:dyDescent="0.15">
      <c r="B27" s="198" t="s">
        <v>499</v>
      </c>
      <c r="C27" s="199"/>
      <c r="D27" s="199"/>
      <c r="E27" s="173">
        <v>2</v>
      </c>
      <c r="F27" s="630"/>
    </row>
    <row r="28" spans="2:12" ht="20.100000000000001" customHeight="1" x14ac:dyDescent="0.15">
      <c r="B28" s="198" t="s">
        <v>500</v>
      </c>
      <c r="C28" s="199"/>
      <c r="D28" s="199"/>
      <c r="E28" s="173">
        <v>8</v>
      </c>
    </row>
    <row r="29" spans="2:12" ht="20.100000000000001" customHeight="1" thickBot="1" x14ac:dyDescent="0.2">
      <c r="B29" s="200" t="s">
        <v>497</v>
      </c>
      <c r="C29" s="201"/>
      <c r="D29" s="201"/>
      <c r="E29" s="176">
        <v>5</v>
      </c>
      <c r="F29" s="177"/>
    </row>
    <row r="30" spans="2:12" ht="20.100000000000001" customHeight="1" x14ac:dyDescent="0.15">
      <c r="B30" s="654"/>
    </row>
    <row r="31" spans="2:12" ht="20.100000000000001" customHeight="1" x14ac:dyDescent="0.15">
      <c r="B31" s="177"/>
      <c r="C31" s="177"/>
      <c r="D31" s="177"/>
      <c r="E31" s="177"/>
      <c r="F31" s="177"/>
    </row>
    <row r="32" spans="2:12" ht="20.100000000000001" customHeight="1" x14ac:dyDescent="0.15">
      <c r="B32" s="177"/>
      <c r="C32" s="177"/>
      <c r="D32" s="177"/>
      <c r="E32" s="177"/>
      <c r="F32" s="177"/>
    </row>
  </sheetData>
  <mergeCells count="1">
    <mergeCell ref="B24:D24"/>
  </mergeCells>
  <phoneticPr fontId="1"/>
  <pageMargins left="1.0236220472440944" right="0.23622047244094491" top="0.55118110236220474" bottom="0.55118110236220474" header="0.31496062992125984" footer="0.31496062992125984"/>
  <pageSetup paperSize="9" scale="75" firstPageNumber="3" orientation="landscape" r:id="rId1"/>
  <headerFooter scaleWithDoc="0" alignWithMargins="0">
    <oddFooter>&amp;C&amp;P</oddFooter>
  </headerFooter>
  <colBreaks count="1" manualBreakCount="1">
    <brk id="11"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0</vt:i4>
      </vt:variant>
    </vt:vector>
  </HeadingPairs>
  <TitlesOfParts>
    <vt:vector size="23" baseType="lpstr">
      <vt:lpstr>事業所の情報</vt:lpstr>
      <vt:lpstr>１従業者について</vt:lpstr>
      <vt:lpstr>1.離職率 前年との比較</vt:lpstr>
      <vt:lpstr>２看護職員離職率</vt:lpstr>
      <vt:lpstr>３退職理由</vt:lpstr>
      <vt:lpstr>8・９.特定行為研修</vt:lpstr>
      <vt:lpstr>管理者研修無しの施設の背景</vt:lpstr>
      <vt:lpstr>１１.チラシについて</vt:lpstr>
      <vt:lpstr>４経験者採用</vt:lpstr>
      <vt:lpstr>５新卒採用６教育７資格・講習会</vt:lpstr>
      <vt:lpstr>８特定行為研修</vt:lpstr>
      <vt:lpstr>チラシ活用</vt:lpstr>
      <vt:lpstr>チラシ意見</vt:lpstr>
      <vt:lpstr>'1.離職率 前年との比較'!Print_Area</vt:lpstr>
      <vt:lpstr>'１１.チラシについて'!Print_Area</vt:lpstr>
      <vt:lpstr>'１従業者について'!Print_Area</vt:lpstr>
      <vt:lpstr>'２看護職員離職率'!Print_Area</vt:lpstr>
      <vt:lpstr>'３退職理由'!Print_Area</vt:lpstr>
      <vt:lpstr>'４経験者採用'!Print_Area</vt:lpstr>
      <vt:lpstr>'５新卒採用６教育７資格・講習会'!Print_Area</vt:lpstr>
      <vt:lpstr>'8・９.特定行為研修'!Print_Area</vt:lpstr>
      <vt:lpstr>チラシ意見!Print_Area</vt:lpstr>
      <vt:lpstr>事業所の情報!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2-01-25T02:29:30Z</cp:lastPrinted>
  <dcterms:created xsi:type="dcterms:W3CDTF">2018-09-28T04:16:35Z</dcterms:created>
  <dcterms:modified xsi:type="dcterms:W3CDTF">2022-01-27T00:05:06Z</dcterms:modified>
</cp:coreProperties>
</file>